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drawings/drawing2.xml" ContentType="application/vnd.openxmlformats-officedocument.drawing+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C:\Users\s140328\Desktop\2026-6_部品代値上げ\"/>
    </mc:Choice>
  </mc:AlternateContent>
  <xr:revisionPtr revIDLastSave="0" documentId="13_ncr:1_{3BC0CF41-09B5-46D5-9F7D-0D366E836B9A}" xr6:coauthVersionLast="47" xr6:coauthVersionMax="47" xr10:uidLastSave="{00000000-0000-0000-0000-000000000000}"/>
  <bookViews>
    <workbookView xWindow="-28920" yWindow="-75" windowWidth="29040" windowHeight="16440" xr2:uid="{00000000-000D-0000-FFFF-FFFF00000000}"/>
  </bookViews>
  <sheets>
    <sheet name="ピックアップ依頼シート" sheetId="1" r:id="rId1"/>
    <sheet name="複数台同時集荷シート" sheetId="2" r:id="rId2"/>
    <sheet name="ピックアップ依頼シート（記入例）" sheetId="3" r:id="rId3"/>
    <sheet name="複数台同時集荷シート（記入例）" sheetId="4" r:id="rId4"/>
  </sheets>
  <calcPr calcId="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68" uniqueCount="186">
  <si>
    <t>依頼日　</t>
    <rPh sb="0" eb="2">
      <t>イライ</t>
    </rPh>
    <rPh sb="2" eb="3">
      <t>ビ</t>
    </rPh>
    <phoneticPr fontId="3"/>
  </si>
  <si>
    <t>年</t>
    <rPh sb="0" eb="1">
      <t>ネン</t>
    </rPh>
    <phoneticPr fontId="3"/>
  </si>
  <si>
    <t>月</t>
    <rPh sb="0" eb="1">
      <t>ガツ</t>
    </rPh>
    <phoneticPr fontId="3"/>
  </si>
  <si>
    <t>日</t>
    <rPh sb="0" eb="1">
      <t>ニチ</t>
    </rPh>
    <phoneticPr fontId="3"/>
  </si>
  <si>
    <t>Dynabook株式会社</t>
    <rPh sb="8" eb="12">
      <t>カブシキガイシャ</t>
    </rPh>
    <phoneticPr fontId="3"/>
  </si>
  <si>
    <t>保証</t>
    <rPh sb="0" eb="2">
      <t>ホショウ</t>
    </rPh>
    <phoneticPr fontId="3"/>
  </si>
  <si>
    <t>お買上日</t>
    <rPh sb="1" eb="2">
      <t>カ</t>
    </rPh>
    <rPh sb="2" eb="3">
      <t>ア</t>
    </rPh>
    <rPh sb="3" eb="4">
      <t>ビ</t>
    </rPh>
    <phoneticPr fontId="3"/>
  </si>
  <si>
    <t>有償</t>
    <rPh sb="0" eb="2">
      <t>ユウショウ</t>
    </rPh>
    <phoneticPr fontId="3"/>
  </si>
  <si>
    <t>ご請求先</t>
    <rPh sb="1" eb="3">
      <t>セイキュウ</t>
    </rPh>
    <rPh sb="3" eb="4">
      <t>サキ</t>
    </rPh>
    <phoneticPr fontId="3"/>
  </si>
  <si>
    <t>住所</t>
    <rPh sb="0" eb="2">
      <t>ジュウショ</t>
    </rPh>
    <phoneticPr fontId="3"/>
  </si>
  <si>
    <t>会社名</t>
    <rPh sb="0" eb="3">
      <t>カイシャメイ</t>
    </rPh>
    <phoneticPr fontId="3"/>
  </si>
  <si>
    <t>ご所属　</t>
  </si>
  <si>
    <t>ご担当者名</t>
    <rPh sb="1" eb="4">
      <t>タントウシャ</t>
    </rPh>
    <rPh sb="4" eb="5">
      <t>メイ</t>
    </rPh>
    <phoneticPr fontId="3"/>
  </si>
  <si>
    <t>お支払条件</t>
    <rPh sb="1" eb="3">
      <t>シハライ</t>
    </rPh>
    <rPh sb="3" eb="5">
      <t>ジョウケン</t>
    </rPh>
    <phoneticPr fontId="3"/>
  </si>
  <si>
    <t>締日</t>
    <rPh sb="0" eb="2">
      <t>シメビ</t>
    </rPh>
    <phoneticPr fontId="3"/>
  </si>
  <si>
    <t>お支払日</t>
    <rPh sb="1" eb="4">
      <t>シハライビ</t>
    </rPh>
    <phoneticPr fontId="3"/>
  </si>
  <si>
    <t>※例：締日翌月末払い等</t>
    <rPh sb="1" eb="2">
      <t>レイ</t>
    </rPh>
    <rPh sb="3" eb="5">
      <t>シメビ</t>
    </rPh>
    <rPh sb="5" eb="8">
      <t>ヨクゲツマツ</t>
    </rPh>
    <rPh sb="8" eb="9">
      <t>バラ</t>
    </rPh>
    <rPh sb="10" eb="11">
      <t>トウ</t>
    </rPh>
    <phoneticPr fontId="3"/>
  </si>
  <si>
    <t>お支払方法</t>
    <rPh sb="1" eb="3">
      <t>シハライ</t>
    </rPh>
    <rPh sb="3" eb="5">
      <t>ホウホウ</t>
    </rPh>
    <phoneticPr fontId="3"/>
  </si>
  <si>
    <t>振込　　　　代引　　　　その他（　　　　　　　　　）</t>
    <rPh sb="0" eb="2">
      <t>フリコミ</t>
    </rPh>
    <rPh sb="6" eb="8">
      <t>ダイビ</t>
    </rPh>
    <rPh sb="14" eb="15">
      <t>タ</t>
    </rPh>
    <phoneticPr fontId="3"/>
  </si>
  <si>
    <t>お名前</t>
    <rPh sb="1" eb="3">
      <t>ナマエ</t>
    </rPh>
    <phoneticPr fontId="3"/>
  </si>
  <si>
    <t>連絡先</t>
    <rPh sb="0" eb="3">
      <t>レンラクサキ</t>
    </rPh>
    <phoneticPr fontId="3"/>
  </si>
  <si>
    <t>ご住所</t>
    <rPh sb="1" eb="3">
      <t>ジュウショ</t>
    </rPh>
    <phoneticPr fontId="3"/>
  </si>
  <si>
    <t>返却先</t>
    <rPh sb="0" eb="2">
      <t>ヘンキャク</t>
    </rPh>
    <rPh sb="2" eb="3">
      <t>サキ</t>
    </rPh>
    <phoneticPr fontId="3"/>
  </si>
  <si>
    <t>引取商品※</t>
    <rPh sb="0" eb="2">
      <t>ヒキト</t>
    </rPh>
    <rPh sb="2" eb="4">
      <t>ショウヒン</t>
    </rPh>
    <phoneticPr fontId="3"/>
  </si>
  <si>
    <t>（いつ頃、どのような症状、発生頻度、エラーメッセージ等）</t>
  </si>
  <si>
    <t>①</t>
    <phoneticPr fontId="3"/>
  </si>
  <si>
    <t>　※メインボードにはフラッシュメモリが実装されておりメインボード交換に伴いデータ消失いたします。</t>
    <rPh sb="19" eb="21">
      <t>ジッソウ</t>
    </rPh>
    <rPh sb="32" eb="34">
      <t>コウカン</t>
    </rPh>
    <rPh sb="35" eb="36">
      <t>トモナ</t>
    </rPh>
    <rPh sb="40" eb="42">
      <t>ショウシツ</t>
    </rPh>
    <phoneticPr fontId="3"/>
  </si>
  <si>
    <t>②</t>
    <phoneticPr fontId="3"/>
  </si>
  <si>
    <t>③</t>
    <phoneticPr fontId="3"/>
  </si>
  <si>
    <t>パスワードを設定されている場合は、予め解除しておいてください。</t>
    <rPh sb="6" eb="8">
      <t>セッテイ</t>
    </rPh>
    <rPh sb="13" eb="15">
      <t>バアイ</t>
    </rPh>
    <rPh sb="17" eb="18">
      <t>アラカジ</t>
    </rPh>
    <rPh sb="19" eb="21">
      <t>カイジョ</t>
    </rPh>
    <phoneticPr fontId="3"/>
  </si>
  <si>
    <t>　</t>
  </si>
  <si>
    <t>ＮＯ</t>
  </si>
  <si>
    <t>型番</t>
  </si>
  <si>
    <t>製造番号</t>
  </si>
  <si>
    <t>故障内容</t>
  </si>
  <si>
    <t>注文番号</t>
  </si>
  <si>
    <t>データ消去</t>
  </si>
  <si>
    <t>同梱品１</t>
  </si>
  <si>
    <t>同梱品2</t>
  </si>
  <si>
    <t>同梱品３</t>
  </si>
  <si>
    <t>同梱品４</t>
  </si>
  <si>
    <t>同梱品５</t>
  </si>
  <si>
    <t>同梱品６</t>
  </si>
  <si>
    <t>修理費用区分</t>
    <rPh sb="0" eb="2">
      <t>シュウリ</t>
    </rPh>
    <rPh sb="2" eb="4">
      <t>ヒヨウ</t>
    </rPh>
    <rPh sb="4" eb="6">
      <t>クブン</t>
    </rPh>
    <phoneticPr fontId="2"/>
  </si>
  <si>
    <t>■複数台の修理依頼はこちらのシートにご記入ください。※集荷先、返却先、ご請求先の情報がﾋﾟｯｸｱｯﾌﾟ依頼シートと同一の場合に限る。</t>
    <rPh sb="1" eb="3">
      <t>フクスウ</t>
    </rPh>
    <rPh sb="3" eb="4">
      <t>ダイ</t>
    </rPh>
    <rPh sb="5" eb="7">
      <t>シュウリ</t>
    </rPh>
    <rPh sb="7" eb="9">
      <t>イライ</t>
    </rPh>
    <rPh sb="19" eb="21">
      <t>キニュウ</t>
    </rPh>
    <rPh sb="27" eb="29">
      <t>シュウカ</t>
    </rPh>
    <rPh sb="29" eb="30">
      <t>サキ</t>
    </rPh>
    <rPh sb="31" eb="33">
      <t>ヘンキャク</t>
    </rPh>
    <rPh sb="33" eb="34">
      <t>サキ</t>
    </rPh>
    <rPh sb="36" eb="38">
      <t>セイキュウ</t>
    </rPh>
    <rPh sb="38" eb="39">
      <t>サキ</t>
    </rPh>
    <rPh sb="40" eb="42">
      <t>ジョウホウ</t>
    </rPh>
    <rPh sb="51" eb="53">
      <t>イライ</t>
    </rPh>
    <rPh sb="57" eb="59">
      <t>ドウイツ</t>
    </rPh>
    <rPh sb="60" eb="62">
      <t>バアイ</t>
    </rPh>
    <rPh sb="63" eb="64">
      <t>カギ</t>
    </rPh>
    <phoneticPr fontId="2"/>
  </si>
  <si>
    <r>
      <t>ご依頼者</t>
    </r>
    <r>
      <rPr>
        <b/>
        <sz val="11"/>
        <color indexed="10"/>
        <rFont val="Meiryo UI"/>
        <family val="3"/>
        <charset val="128"/>
      </rPr>
      <t>※</t>
    </r>
    <rPh sb="1" eb="4">
      <t>イライシャ</t>
    </rPh>
    <phoneticPr fontId="3"/>
  </si>
  <si>
    <r>
      <t>集荷日</t>
    </r>
    <r>
      <rPr>
        <b/>
        <sz val="8"/>
        <color indexed="10"/>
        <rFont val="Meiryo UI"/>
        <family val="3"/>
        <charset val="128"/>
      </rPr>
      <t>※</t>
    </r>
    <rPh sb="0" eb="2">
      <t>シュウカ</t>
    </rPh>
    <rPh sb="2" eb="3">
      <t>ビ</t>
    </rPh>
    <phoneticPr fontId="3"/>
  </si>
  <si>
    <r>
      <t>集荷時間帯</t>
    </r>
    <r>
      <rPr>
        <b/>
        <sz val="8"/>
        <color indexed="10"/>
        <rFont val="Meiryo UI"/>
        <family val="3"/>
        <charset val="128"/>
      </rPr>
      <t>※</t>
    </r>
    <rPh sb="0" eb="2">
      <t>シュウカ</t>
    </rPh>
    <rPh sb="2" eb="5">
      <t>ジカンタイ</t>
    </rPh>
    <phoneticPr fontId="3"/>
  </si>
  <si>
    <r>
      <rPr>
        <b/>
        <sz val="5"/>
        <rFont val="Meiryo UI"/>
        <family val="3"/>
        <charset val="128"/>
      </rPr>
      <t>データ消去時</t>
    </r>
    <r>
      <rPr>
        <b/>
        <sz val="6"/>
        <rFont val="Meiryo UI"/>
        <family val="3"/>
        <charset val="128"/>
      </rPr>
      <t>　</t>
    </r>
    <r>
      <rPr>
        <b/>
        <sz val="8"/>
        <rFont val="Meiryo UI"/>
        <family val="3"/>
        <charset val="128"/>
      </rPr>
      <t>返却先</t>
    </r>
    <rPh sb="3" eb="5">
      <t>ショウキョ</t>
    </rPh>
    <rPh sb="5" eb="6">
      <t>ジ</t>
    </rPh>
    <rPh sb="7" eb="9">
      <t>ヘンキャク</t>
    </rPh>
    <rPh sb="9" eb="10">
      <t>サキ</t>
    </rPh>
    <phoneticPr fontId="3"/>
  </si>
  <si>
    <r>
      <t>※</t>
    </r>
    <r>
      <rPr>
        <b/>
        <sz val="11"/>
        <rFont val="Meiryo UI"/>
        <family val="3"/>
        <charset val="128"/>
      </rPr>
      <t>営業型番</t>
    </r>
    <rPh sb="1" eb="3">
      <t>エイギョウ</t>
    </rPh>
    <rPh sb="3" eb="5">
      <t>カタバン</t>
    </rPh>
    <phoneticPr fontId="3"/>
  </si>
  <si>
    <r>
      <t>確認事項</t>
    </r>
    <r>
      <rPr>
        <b/>
        <sz val="8"/>
        <color indexed="10"/>
        <rFont val="Meiryo UI"/>
        <family val="3"/>
        <charset val="128"/>
      </rPr>
      <t>※</t>
    </r>
    <rPh sb="0" eb="1">
      <t>アキラ</t>
    </rPh>
    <rPh sb="1" eb="2">
      <t>シノブ</t>
    </rPh>
    <rPh sb="2" eb="3">
      <t>コト</t>
    </rPh>
    <rPh sb="3" eb="4">
      <t>コウ</t>
    </rPh>
    <phoneticPr fontId="3"/>
  </si>
  <si>
    <r>
      <t>メインボード交換修理に伴うフラッシュメモリ内データの初期化</t>
    </r>
    <r>
      <rPr>
        <sz val="8"/>
        <rFont val="Meiryo UI"/>
        <family val="3"/>
        <charset val="128"/>
      </rPr>
      <t>(すべてのデータ、ソフトウェアが消去されます)</t>
    </r>
    <rPh sb="6" eb="8">
      <t>コウカン</t>
    </rPh>
    <rPh sb="8" eb="10">
      <t>シュウリ</t>
    </rPh>
    <rPh sb="11" eb="12">
      <t>トモナ</t>
    </rPh>
    <rPh sb="21" eb="22">
      <t>ナイ</t>
    </rPh>
    <rPh sb="26" eb="29">
      <t>ショキカ</t>
    </rPh>
    <rPh sb="45" eb="47">
      <t>ショウキョ</t>
    </rPh>
    <phoneticPr fontId="3"/>
  </si>
  <si>
    <t>（製造番号）</t>
    <rPh sb="1" eb="3">
      <t>セイゾウ</t>
    </rPh>
    <rPh sb="3" eb="5">
      <t>バンゴウ</t>
    </rPh>
    <phoneticPr fontId="2"/>
  </si>
  <si>
    <t>備考</t>
    <rPh sb="0" eb="2">
      <t>ビコウ</t>
    </rPh>
    <phoneticPr fontId="2"/>
  </si>
  <si>
    <t>FAX</t>
    <phoneticPr fontId="2"/>
  </si>
  <si>
    <t>注文番号</t>
    <rPh sb="0" eb="2">
      <t>チュウモン</t>
    </rPh>
    <rPh sb="2" eb="4">
      <t>バンゴウ</t>
    </rPh>
    <phoneticPr fontId="3"/>
  </si>
  <si>
    <t>　</t>
    <phoneticPr fontId="2"/>
  </si>
  <si>
    <r>
      <t>修理費用区分</t>
    </r>
    <r>
      <rPr>
        <b/>
        <sz val="8"/>
        <color indexed="10"/>
        <rFont val="Meiryo UI"/>
        <family val="3"/>
        <charset val="128"/>
      </rPr>
      <t>※</t>
    </r>
    <r>
      <rPr>
        <b/>
        <sz val="11"/>
        <rFont val="Meiryo UI"/>
        <family val="3"/>
        <charset val="128"/>
      </rPr>
      <t>　　</t>
    </r>
    <rPh sb="0" eb="1">
      <t>オサム</t>
    </rPh>
    <rPh sb="1" eb="2">
      <t>リ</t>
    </rPh>
    <rPh sb="2" eb="3">
      <t>ヒ</t>
    </rPh>
    <rPh sb="3" eb="4">
      <t>ヨウ</t>
    </rPh>
    <rPh sb="4" eb="5">
      <t>ク</t>
    </rPh>
    <rPh sb="5" eb="6">
      <t>ブン</t>
    </rPh>
    <phoneticPr fontId="3"/>
  </si>
  <si>
    <t>集荷先</t>
    <rPh sb="0" eb="1">
      <t>シュウ</t>
    </rPh>
    <rPh sb="1" eb="2">
      <t>ニ</t>
    </rPh>
    <phoneticPr fontId="3"/>
  </si>
  <si>
    <t>ご使用者</t>
    <rPh sb="1" eb="2">
      <t>ツカ</t>
    </rPh>
    <rPh sb="2" eb="3">
      <t>ヨウ</t>
    </rPh>
    <rPh sb="3" eb="4">
      <t>モノ</t>
    </rPh>
    <phoneticPr fontId="3"/>
  </si>
  <si>
    <t>同梱品</t>
    <rPh sb="0" eb="1">
      <t>ドウ</t>
    </rPh>
    <rPh sb="1" eb="2">
      <t>コリ</t>
    </rPh>
    <rPh sb="2" eb="3">
      <t>シナ</t>
    </rPh>
    <phoneticPr fontId="3"/>
  </si>
  <si>
    <r>
      <t>故障内容等</t>
    </r>
    <r>
      <rPr>
        <b/>
        <sz val="9"/>
        <color indexed="10"/>
        <rFont val="Meiryo UI"/>
        <family val="3"/>
        <charset val="128"/>
      </rPr>
      <t>※</t>
    </r>
    <r>
      <rPr>
        <b/>
        <sz val="9"/>
        <rFont val="Meiryo UI"/>
        <family val="3"/>
        <charset val="128"/>
      </rPr>
      <t>　</t>
    </r>
    <rPh sb="0" eb="1">
      <t>ユエ</t>
    </rPh>
    <rPh sb="1" eb="2">
      <t>サワ</t>
    </rPh>
    <rPh sb="2" eb="3">
      <t>ウチ</t>
    </rPh>
    <rPh sb="3" eb="4">
      <t>カタチ</t>
    </rPh>
    <rPh sb="4" eb="5">
      <t>トウ</t>
    </rPh>
    <phoneticPr fontId="3"/>
  </si>
  <si>
    <t>〒</t>
    <phoneticPr fontId="3"/>
  </si>
  <si>
    <t>ＴＥＬ</t>
    <phoneticPr fontId="3"/>
  </si>
  <si>
    <t>※</t>
    <phoneticPr fontId="3"/>
  </si>
  <si>
    <t>ＦＡＸ</t>
    <phoneticPr fontId="3"/>
  </si>
  <si>
    <t>製造番号</t>
    <phoneticPr fontId="3"/>
  </si>
  <si>
    <t>（集荷先と同じ場合は、｢集荷先｣と記入）</t>
    <phoneticPr fontId="2"/>
  </si>
  <si>
    <t>同梱品7</t>
    <phoneticPr fontId="2"/>
  </si>
  <si>
    <t>（　　）</t>
    <phoneticPr fontId="2"/>
  </si>
  <si>
    <t>（　　）</t>
    <phoneticPr fontId="2"/>
  </si>
  <si>
    <t>（　　）</t>
    <phoneticPr fontId="2"/>
  </si>
  <si>
    <t>（　　）</t>
    <phoneticPr fontId="2"/>
  </si>
  <si>
    <t>本依頼書記入日をご記入ください。</t>
    <rPh sb="0" eb="1">
      <t>ホン</t>
    </rPh>
    <rPh sb="1" eb="4">
      <t>イライショ</t>
    </rPh>
    <rPh sb="4" eb="6">
      <t>キニュウ</t>
    </rPh>
    <rPh sb="6" eb="7">
      <t>ビ</t>
    </rPh>
    <rPh sb="9" eb="11">
      <t>キニュウ</t>
    </rPh>
    <phoneticPr fontId="2"/>
  </si>
  <si>
    <t>東京都〇〇区〇〇町1丁目</t>
    <rPh sb="0" eb="2">
      <t>トウキョウ</t>
    </rPh>
    <rPh sb="2" eb="3">
      <t>ト</t>
    </rPh>
    <rPh sb="5" eb="6">
      <t>ク</t>
    </rPh>
    <rPh sb="8" eb="9">
      <t>マチ</t>
    </rPh>
    <rPh sb="10" eb="12">
      <t>チョウメ</t>
    </rPh>
    <phoneticPr fontId="2"/>
  </si>
  <si>
    <t>〇〇ビル〇〇階　101号</t>
    <rPh sb="6" eb="7">
      <t>カイ</t>
    </rPh>
    <rPh sb="11" eb="12">
      <t>ゴウ</t>
    </rPh>
    <phoneticPr fontId="2"/>
  </si>
  <si>
    <t>〇〇〇株式会社</t>
    <rPh sb="3" eb="7">
      <t>カブシキガイシャ</t>
    </rPh>
    <phoneticPr fontId="2"/>
  </si>
  <si>
    <t>ご依頼者の情報をご記入ください</t>
    <rPh sb="1" eb="3">
      <t>イライ</t>
    </rPh>
    <rPh sb="3" eb="4">
      <t>シャ</t>
    </rPh>
    <rPh sb="5" eb="7">
      <t>ジョウホウ</t>
    </rPh>
    <rPh sb="9" eb="11">
      <t>キニュウ</t>
    </rPh>
    <phoneticPr fontId="2"/>
  </si>
  <si>
    <t>〇〇事業部　〇〇部　〇〇課　ダイナ太郎</t>
    <rPh sb="2" eb="4">
      <t>ジギョウ</t>
    </rPh>
    <rPh sb="4" eb="5">
      <t>ブ</t>
    </rPh>
    <rPh sb="8" eb="9">
      <t>ブ</t>
    </rPh>
    <rPh sb="12" eb="13">
      <t>カ</t>
    </rPh>
    <rPh sb="17" eb="19">
      <t>タロウ</t>
    </rPh>
    <phoneticPr fontId="2"/>
  </si>
  <si>
    <t>TEL</t>
    <phoneticPr fontId="2"/>
  </si>
  <si>
    <t>03-1234-4567</t>
    <phoneticPr fontId="2"/>
  </si>
  <si>
    <t>03-1234-5678</t>
    <phoneticPr fontId="2"/>
  </si>
  <si>
    <t>複数同時にお引取必要な場合は『●あり』で別sheet『複数台同時集荷』をご記入ください。</t>
    <rPh sb="0" eb="2">
      <t>フクスウ</t>
    </rPh>
    <rPh sb="2" eb="4">
      <t>ドウジ</t>
    </rPh>
    <rPh sb="6" eb="8">
      <t>ヒキト</t>
    </rPh>
    <rPh sb="8" eb="10">
      <t>ヒツヨウ</t>
    </rPh>
    <rPh sb="11" eb="13">
      <t>バアイ</t>
    </rPh>
    <rPh sb="20" eb="26">
      <t>ベツシェエT</t>
    </rPh>
    <rPh sb="27" eb="29">
      <t>フクスウ</t>
    </rPh>
    <rPh sb="29" eb="30">
      <t>ダイ</t>
    </rPh>
    <rPh sb="30" eb="32">
      <t>ドウジ</t>
    </rPh>
    <rPh sb="32" eb="34">
      <t>シュウカ</t>
    </rPh>
    <rPh sb="37" eb="39">
      <t>キニュウ</t>
    </rPh>
    <phoneticPr fontId="2"/>
  </si>
  <si>
    <t>お引取（集荷）ご希望日をご記入ください。／注文番号がある場合はご記入ください。（任意）</t>
    <rPh sb="1" eb="3">
      <t>ヒキト</t>
    </rPh>
    <rPh sb="4" eb="6">
      <t>シュウカ</t>
    </rPh>
    <rPh sb="8" eb="11">
      <t>キボウビ</t>
    </rPh>
    <rPh sb="13" eb="15">
      <t>キニュウ</t>
    </rPh>
    <rPh sb="21" eb="23">
      <t>チュウモン</t>
    </rPh>
    <rPh sb="23" eb="25">
      <t>バンゴウ</t>
    </rPh>
    <rPh sb="28" eb="30">
      <t>バアイ</t>
    </rPh>
    <rPh sb="32" eb="34">
      <t>キニュウ</t>
    </rPh>
    <rPh sb="40" eb="42">
      <t>ニンイ</t>
    </rPh>
    <phoneticPr fontId="2"/>
  </si>
  <si>
    <t>お引取（集荷）時間帯をお選びください。</t>
    <rPh sb="1" eb="2">
      <t>ヒ</t>
    </rPh>
    <rPh sb="2" eb="3">
      <t>ト</t>
    </rPh>
    <rPh sb="4" eb="6">
      <t>シュウカ</t>
    </rPh>
    <rPh sb="7" eb="10">
      <t>ジカンタイ</t>
    </rPh>
    <rPh sb="12" eb="13">
      <t>エラ</t>
    </rPh>
    <phoneticPr fontId="2"/>
  </si>
  <si>
    <t>〒</t>
    <phoneticPr fontId="3"/>
  </si>
  <si>
    <t>〒</t>
    <phoneticPr fontId="3"/>
  </si>
  <si>
    <t>-</t>
    <phoneticPr fontId="2"/>
  </si>
  <si>
    <t>〇〇〇株式会社</t>
    <phoneticPr fontId="2"/>
  </si>
  <si>
    <t>有償時のご請求先をご記入ください。</t>
    <rPh sb="0" eb="2">
      <t>ユウショウ</t>
    </rPh>
    <rPh sb="2" eb="3">
      <t>ジ</t>
    </rPh>
    <rPh sb="5" eb="7">
      <t>セイキュウ</t>
    </rPh>
    <rPh sb="7" eb="8">
      <t>サキ</t>
    </rPh>
    <rPh sb="10" eb="12">
      <t>キニュウ</t>
    </rPh>
    <phoneticPr fontId="2"/>
  </si>
  <si>
    <t>〇〇事業部　〇〇部　〇〇課</t>
    <phoneticPr fontId="2"/>
  </si>
  <si>
    <t>ダイナ太郎</t>
    <phoneticPr fontId="2"/>
  </si>
  <si>
    <t>ＴＥＬ</t>
    <phoneticPr fontId="3"/>
  </si>
  <si>
    <t>03-1234-4567</t>
    <phoneticPr fontId="2"/>
  </si>
  <si>
    <t>ＦＡＸ</t>
    <phoneticPr fontId="3"/>
  </si>
  <si>
    <t>03-1234-5678</t>
    <phoneticPr fontId="2"/>
  </si>
  <si>
    <t>末払い</t>
    <rPh sb="0" eb="1">
      <t>マツ</t>
    </rPh>
    <rPh sb="1" eb="2">
      <t>ハラ</t>
    </rPh>
    <phoneticPr fontId="2"/>
  </si>
  <si>
    <t>お支払い条件をご記入ください</t>
    <rPh sb="1" eb="3">
      <t>シハラ</t>
    </rPh>
    <rPh sb="4" eb="6">
      <t>ジョウケン</t>
    </rPh>
    <rPh sb="8" eb="10">
      <t>キニュウ</t>
    </rPh>
    <phoneticPr fontId="2"/>
  </si>
  <si>
    <t>※</t>
    <phoneticPr fontId="3"/>
  </si>
  <si>
    <t>※</t>
    <phoneticPr fontId="3"/>
  </si>
  <si>
    <t>〇〇中学校　〇〇教室　〇〇先生　　　　　　　　　　　　　　　　　　　　　　　　　　　　　　　　　　　　　　　　　　　　　　　　　　　　　　　　　　　</t>
    <rPh sb="2" eb="5">
      <t>チュウガッコウ</t>
    </rPh>
    <rPh sb="8" eb="10">
      <t>キョウシツ</t>
    </rPh>
    <rPh sb="13" eb="15">
      <t>センセイ</t>
    </rPh>
    <phoneticPr fontId="2"/>
  </si>
  <si>
    <t>（ご依頼者と同じ場合は、｢依頼者｣と記入）</t>
    <phoneticPr fontId="2"/>
  </si>
  <si>
    <t>お引取（集荷）先の情報をご記入ください。</t>
    <rPh sb="7" eb="8">
      <t>サキ</t>
    </rPh>
    <rPh sb="9" eb="11">
      <t>ジョウホウ</t>
    </rPh>
    <rPh sb="13" eb="15">
      <t>キニュウ</t>
    </rPh>
    <phoneticPr fontId="2"/>
  </si>
  <si>
    <t>※</t>
    <phoneticPr fontId="3"/>
  </si>
  <si>
    <t>ＴＥＬ</t>
    <phoneticPr fontId="3"/>
  </si>
  <si>
    <t>03-0001-〇〇〇〇</t>
    <phoneticPr fontId="2"/>
  </si>
  <si>
    <t>ＦＡＸ</t>
    <phoneticPr fontId="3"/>
  </si>
  <si>
    <t>03-0002-〇〇〇〇</t>
    <phoneticPr fontId="2"/>
  </si>
  <si>
    <t>〒</t>
    <phoneticPr fontId="3"/>
  </si>
  <si>
    <t>東京都〇〇区1丁目　〇〇中学校　〇〇階</t>
    <rPh sb="0" eb="2">
      <t>トウキョウ</t>
    </rPh>
    <rPh sb="2" eb="3">
      <t>ト</t>
    </rPh>
    <rPh sb="5" eb="6">
      <t>ク</t>
    </rPh>
    <rPh sb="7" eb="9">
      <t>チョウメ</t>
    </rPh>
    <rPh sb="12" eb="15">
      <t>チュウガッコウ</t>
    </rPh>
    <rPh sb="18" eb="19">
      <t>カイ</t>
    </rPh>
    <phoneticPr fontId="2"/>
  </si>
  <si>
    <t>集荷先</t>
    <rPh sb="0" eb="2">
      <t>シュウカ</t>
    </rPh>
    <rPh sb="2" eb="3">
      <t>サキ</t>
    </rPh>
    <phoneticPr fontId="2"/>
  </si>
  <si>
    <t>修理完了品のご返却先の情報をご記入ください。</t>
    <rPh sb="0" eb="2">
      <t>シュウリ</t>
    </rPh>
    <rPh sb="2" eb="4">
      <t>カンリョウ</t>
    </rPh>
    <rPh sb="4" eb="5">
      <t>ヒン</t>
    </rPh>
    <rPh sb="7" eb="9">
      <t>ヘンキャク</t>
    </rPh>
    <rPh sb="9" eb="10">
      <t>サキ</t>
    </rPh>
    <rPh sb="11" eb="13">
      <t>ジョウホウ</t>
    </rPh>
    <rPh sb="15" eb="17">
      <t>キニュウ</t>
    </rPh>
    <phoneticPr fontId="2"/>
  </si>
  <si>
    <t>ＴＥＬ</t>
    <phoneticPr fontId="3"/>
  </si>
  <si>
    <t>（データ消去を伴う修理の返却先※④事前登録必要）</t>
    <phoneticPr fontId="2"/>
  </si>
  <si>
    <t>MB交換等データを消去の修理後には上記『返却先』と返却先が変わる場合にはご記入をお願いいたします。</t>
    <rPh sb="2" eb="4">
      <t>コウカン</t>
    </rPh>
    <rPh sb="4" eb="5">
      <t>トウ</t>
    </rPh>
    <rPh sb="9" eb="11">
      <t>ショウキョ</t>
    </rPh>
    <rPh sb="12" eb="14">
      <t>シュウリ</t>
    </rPh>
    <rPh sb="14" eb="15">
      <t>ゴ</t>
    </rPh>
    <rPh sb="17" eb="19">
      <t>ジョウキ</t>
    </rPh>
    <rPh sb="20" eb="22">
      <t>ヘンキャク</t>
    </rPh>
    <rPh sb="22" eb="23">
      <t>サキ</t>
    </rPh>
    <rPh sb="25" eb="27">
      <t>ヘンキャク</t>
    </rPh>
    <rPh sb="27" eb="28">
      <t>サキ</t>
    </rPh>
    <rPh sb="29" eb="30">
      <t>カ</t>
    </rPh>
    <rPh sb="32" eb="34">
      <t>バアイ</t>
    </rPh>
    <rPh sb="37" eb="39">
      <t>キニュウ</t>
    </rPh>
    <rPh sb="41" eb="42">
      <t>ネガ</t>
    </rPh>
    <phoneticPr fontId="2"/>
  </si>
  <si>
    <t>※事前登録が必要となります（お問合は0120-86-9192まで）</t>
    <rPh sb="1" eb="3">
      <t>ジゼン</t>
    </rPh>
    <rPh sb="3" eb="5">
      <t>トウロク</t>
    </rPh>
    <rPh sb="6" eb="8">
      <t>ヒツヨウ</t>
    </rPh>
    <rPh sb="15" eb="17">
      <t>トイゴウ</t>
    </rPh>
    <phoneticPr fontId="2"/>
  </si>
  <si>
    <t>修理依頼品のご使用者情報をご記入ください。</t>
    <rPh sb="0" eb="2">
      <t>シュウリ</t>
    </rPh>
    <rPh sb="2" eb="4">
      <t>イライ</t>
    </rPh>
    <rPh sb="4" eb="5">
      <t>ヒン</t>
    </rPh>
    <rPh sb="7" eb="10">
      <t>シヨウシャ</t>
    </rPh>
    <rPh sb="10" eb="12">
      <t>ジョウホウ</t>
    </rPh>
    <rPh sb="14" eb="16">
      <t>キニュウ</t>
    </rPh>
    <phoneticPr fontId="2"/>
  </si>
  <si>
    <t>03-0001-〇〇〇〇</t>
    <phoneticPr fontId="2"/>
  </si>
  <si>
    <t>ＦＡＸ</t>
    <phoneticPr fontId="3"/>
  </si>
  <si>
    <t>03-0002-〇〇〇〇</t>
    <phoneticPr fontId="2"/>
  </si>
  <si>
    <t>A6K1F＊＊＊＊＊＊＊</t>
    <phoneticPr fontId="2"/>
  </si>
  <si>
    <t>製造番号</t>
    <phoneticPr fontId="3"/>
  </si>
  <si>
    <t>X005＊＊＊＊N</t>
    <phoneticPr fontId="2"/>
  </si>
  <si>
    <t>修理依頼品の営業型番（A6K1E＊＊＊）をご記入ください。／製造番号をご記入ください。</t>
    <rPh sb="0" eb="2">
      <t>シュウリ</t>
    </rPh>
    <rPh sb="2" eb="4">
      <t>イライ</t>
    </rPh>
    <rPh sb="4" eb="5">
      <t>ヒン</t>
    </rPh>
    <rPh sb="6" eb="8">
      <t>エイギョウ</t>
    </rPh>
    <rPh sb="8" eb="10">
      <t>カタバン</t>
    </rPh>
    <rPh sb="22" eb="24">
      <t>キニュウ</t>
    </rPh>
    <rPh sb="30" eb="32">
      <t>セイゾウ</t>
    </rPh>
    <rPh sb="32" eb="34">
      <t>バンゴウ</t>
    </rPh>
    <rPh sb="36" eb="38">
      <t>キニュウ</t>
    </rPh>
    <phoneticPr fontId="2"/>
  </si>
  <si>
    <t>修理依頼品と併せてお引取（集荷）させる同梱品をご記入ください。</t>
    <rPh sb="0" eb="2">
      <t>シュウリ</t>
    </rPh>
    <rPh sb="2" eb="4">
      <t>イライ</t>
    </rPh>
    <rPh sb="4" eb="5">
      <t>ヒン</t>
    </rPh>
    <rPh sb="6" eb="7">
      <t>アワ</t>
    </rPh>
    <rPh sb="10" eb="12">
      <t>ヒキト</t>
    </rPh>
    <rPh sb="13" eb="15">
      <t>シュウカ</t>
    </rPh>
    <rPh sb="19" eb="21">
      <t>ドウコン</t>
    </rPh>
    <rPh sb="21" eb="22">
      <t>ヒン</t>
    </rPh>
    <rPh sb="24" eb="26">
      <t>キニュウ</t>
    </rPh>
    <phoneticPr fontId="2"/>
  </si>
  <si>
    <t>（　　　　　　　　　　　　　　　　　　　　　　　　　　　）</t>
    <phoneticPr fontId="2"/>
  </si>
  <si>
    <t>故障内容（修理依頼内容）をご記入ください。</t>
    <rPh sb="0" eb="2">
      <t>コショウ</t>
    </rPh>
    <rPh sb="2" eb="4">
      <t>ナイヨウ</t>
    </rPh>
    <rPh sb="5" eb="7">
      <t>シュウリ</t>
    </rPh>
    <rPh sb="7" eb="9">
      <t>イライ</t>
    </rPh>
    <rPh sb="9" eb="11">
      <t>ナイヨウ</t>
    </rPh>
    <rPh sb="14" eb="16">
      <t>キニュウ</t>
    </rPh>
    <phoneticPr fontId="2"/>
  </si>
  <si>
    <t>①</t>
    <phoneticPr fontId="3"/>
  </si>
  <si>
    <t>データの初期化が必要な場合の『データ消去可否』を選択ください。</t>
    <rPh sb="4" eb="7">
      <t>ショキカ</t>
    </rPh>
    <rPh sb="8" eb="10">
      <t>ヒツヨウ</t>
    </rPh>
    <rPh sb="11" eb="13">
      <t>バアイ</t>
    </rPh>
    <rPh sb="18" eb="20">
      <t>ショウキョ</t>
    </rPh>
    <rPh sb="20" eb="22">
      <t>カヒ</t>
    </rPh>
    <rPh sb="24" eb="26">
      <t>センタク</t>
    </rPh>
    <phoneticPr fontId="2"/>
  </si>
  <si>
    <t>②</t>
    <phoneticPr fontId="3"/>
  </si>
  <si>
    <t>データ消去時に返却先が変わる場合はご記入ください。（※事前登録必要　お問合は0120-86-9192まで）</t>
    <rPh sb="3" eb="5">
      <t>ショウキョ</t>
    </rPh>
    <rPh sb="5" eb="6">
      <t>ジ</t>
    </rPh>
    <rPh sb="7" eb="9">
      <t>ヘンキャク</t>
    </rPh>
    <rPh sb="9" eb="10">
      <t>サキ</t>
    </rPh>
    <rPh sb="11" eb="12">
      <t>カ</t>
    </rPh>
    <rPh sb="14" eb="16">
      <t>バアイ</t>
    </rPh>
    <rPh sb="18" eb="20">
      <t>キニュウ</t>
    </rPh>
    <rPh sb="27" eb="29">
      <t>ジゼン</t>
    </rPh>
    <rPh sb="29" eb="31">
      <t>トウロク</t>
    </rPh>
    <rPh sb="31" eb="33">
      <t>ヒツヨウ</t>
    </rPh>
    <phoneticPr fontId="2"/>
  </si>
  <si>
    <t>③</t>
    <phoneticPr fontId="3"/>
  </si>
  <si>
    <t>同梱品7</t>
    <phoneticPr fontId="2"/>
  </si>
  <si>
    <t>A6K1F＊＊＊＊＊＊＊</t>
    <phoneticPr fontId="2"/>
  </si>
  <si>
    <t>X005＊＊＊＊N</t>
    <phoneticPr fontId="2"/>
  </si>
  <si>
    <t>画面が割れた</t>
    <rPh sb="0" eb="2">
      <t>ガメン</t>
    </rPh>
    <rPh sb="3" eb="4">
      <t>ワ</t>
    </rPh>
    <phoneticPr fontId="2"/>
  </si>
  <si>
    <t>1.有償</t>
  </si>
  <si>
    <t>1.了承する</t>
  </si>
  <si>
    <t>3.ACアダプタ</t>
  </si>
  <si>
    <t>（　　）</t>
    <phoneticPr fontId="2"/>
  </si>
  <si>
    <t>（　　）</t>
    <phoneticPr fontId="2"/>
  </si>
  <si>
    <t>X006＊＊＊＊N</t>
  </si>
  <si>
    <t>KBのSキーが効かない</t>
    <rPh sb="7" eb="8">
      <t>キ</t>
    </rPh>
    <phoneticPr fontId="2"/>
  </si>
  <si>
    <t>2.保証</t>
  </si>
  <si>
    <t>2.了承しない</t>
  </si>
  <si>
    <t>4.ACコード</t>
  </si>
  <si>
    <t>X007＊＊＊＊N</t>
  </si>
  <si>
    <t>電源入らない</t>
    <rPh sb="0" eb="2">
      <t>デンゲン</t>
    </rPh>
    <rPh sb="2" eb="3">
      <t>ハイ</t>
    </rPh>
    <phoneticPr fontId="2"/>
  </si>
  <si>
    <t>6.キーボードドック</t>
  </si>
  <si>
    <t>X008＊＊＊＊N</t>
  </si>
  <si>
    <t>ジュースをこぼして起動しない</t>
    <rPh sb="9" eb="11">
      <t>キドウ</t>
    </rPh>
    <phoneticPr fontId="2"/>
  </si>
  <si>
    <t>5.マウス</t>
  </si>
  <si>
    <t>X009＊＊＊＊N</t>
  </si>
  <si>
    <t>キーボードが効かない</t>
    <rPh sb="6" eb="7">
      <t>キ</t>
    </rPh>
    <phoneticPr fontId="2"/>
  </si>
  <si>
    <t>＊お願い＞レイアウトや項目名等は変更せずご利用下さい。</t>
    <phoneticPr fontId="3"/>
  </si>
  <si>
    <t>依頼日</t>
    <rPh sb="0" eb="2">
      <t>イライ</t>
    </rPh>
    <rPh sb="2" eb="3">
      <t>ビ</t>
    </rPh>
    <phoneticPr fontId="3"/>
  </si>
  <si>
    <r>
      <t>ご依頼者</t>
    </r>
    <r>
      <rPr>
        <b/>
        <sz val="11"/>
        <color indexed="10"/>
        <rFont val="ＭＳ ゴシック"/>
        <family val="3"/>
        <charset val="128"/>
      </rPr>
      <t>※</t>
    </r>
    <rPh sb="1" eb="4">
      <t>イライシャ</t>
    </rPh>
    <phoneticPr fontId="3"/>
  </si>
  <si>
    <t>ご住所 〒</t>
    <rPh sb="1" eb="3">
      <t>ジュウショ</t>
    </rPh>
    <phoneticPr fontId="3"/>
  </si>
  <si>
    <t>会社名
ご所属
ご担当者名</t>
    <phoneticPr fontId="3"/>
  </si>
  <si>
    <t>電話番号</t>
    <rPh sb="0" eb="2">
      <t>デンワ</t>
    </rPh>
    <rPh sb="2" eb="4">
      <t>バンゴウ</t>
    </rPh>
    <phoneticPr fontId="3"/>
  </si>
  <si>
    <t>FAX番号</t>
    <rPh sb="3" eb="5">
      <t>バンゴウ</t>
    </rPh>
    <phoneticPr fontId="3"/>
  </si>
  <si>
    <r>
      <t>集荷日</t>
    </r>
    <r>
      <rPr>
        <b/>
        <sz val="8"/>
        <color indexed="10"/>
        <rFont val="ＭＳ ゴシック"/>
        <family val="3"/>
        <charset val="128"/>
      </rPr>
      <t>※</t>
    </r>
    <rPh sb="0" eb="2">
      <t>シュウカ</t>
    </rPh>
    <rPh sb="2" eb="3">
      <t>ビ</t>
    </rPh>
    <phoneticPr fontId="3"/>
  </si>
  <si>
    <t>月</t>
    <rPh sb="0" eb="1">
      <t>ツキ</t>
    </rPh>
    <phoneticPr fontId="3"/>
  </si>
  <si>
    <t>集　荷　先</t>
    <rPh sb="0" eb="1">
      <t>シュウ</t>
    </rPh>
    <rPh sb="2" eb="3">
      <t>ニ</t>
    </rPh>
    <phoneticPr fontId="3"/>
  </si>
  <si>
    <t>社　名
部門名</t>
    <rPh sb="0" eb="1">
      <t>シャ</t>
    </rPh>
    <rPh sb="2" eb="3">
      <t>ナ</t>
    </rPh>
    <rPh sb="4" eb="6">
      <t>ブモン</t>
    </rPh>
    <rPh sb="6" eb="7">
      <t>メイ</t>
    </rPh>
    <phoneticPr fontId="3"/>
  </si>
  <si>
    <t>（ご依頼者と同じ場合は、｢依頼者｣と記入下さい）</t>
    <rPh sb="20" eb="21">
      <t>クダ</t>
    </rPh>
    <phoneticPr fontId="3"/>
  </si>
  <si>
    <t>担当者名</t>
    <rPh sb="0" eb="3">
      <t>タントウシャ</t>
    </rPh>
    <rPh sb="3" eb="4">
      <t>メイ</t>
    </rPh>
    <phoneticPr fontId="3"/>
  </si>
  <si>
    <t>住 所</t>
    <rPh sb="0" eb="1">
      <t>ジュウ</t>
    </rPh>
    <rPh sb="2" eb="3">
      <t>ショ</t>
    </rPh>
    <phoneticPr fontId="3"/>
  </si>
  <si>
    <r>
      <t>※</t>
    </r>
    <r>
      <rPr>
        <b/>
        <sz val="9"/>
        <color theme="1"/>
        <rFont val="ＭＳ ゴシック"/>
        <family val="3"/>
        <charset val="128"/>
      </rPr>
      <t>〒</t>
    </r>
    <phoneticPr fontId="3"/>
  </si>
  <si>
    <t>（集荷先と同じ場合は、｢集荷先｣と記入下さい）</t>
    <rPh sb="1" eb="3">
      <t>シュウカ</t>
    </rPh>
    <rPh sb="3" eb="4">
      <t>サキ</t>
    </rPh>
    <rPh sb="19" eb="20">
      <t>クダ</t>
    </rPh>
    <phoneticPr fontId="3"/>
  </si>
  <si>
    <t>同　　梱　　品</t>
    <rPh sb="0" eb="1">
      <t>ドウ</t>
    </rPh>
    <rPh sb="3" eb="4">
      <t>コリ</t>
    </rPh>
    <rPh sb="6" eb="7">
      <t>シナ</t>
    </rPh>
    <phoneticPr fontId="3"/>
  </si>
  <si>
    <r>
      <t>故　障　内　容　等</t>
    </r>
    <r>
      <rPr>
        <b/>
        <sz val="9"/>
        <color indexed="10"/>
        <rFont val="ＭＳ ゴシック"/>
        <family val="3"/>
        <charset val="128"/>
      </rPr>
      <t>　※</t>
    </r>
    <r>
      <rPr>
        <b/>
        <sz val="9"/>
        <rFont val="ＭＳ ゴシック"/>
        <family val="3"/>
        <charset val="128"/>
      </rPr>
      <t>　</t>
    </r>
    <rPh sb="0" eb="1">
      <t>ユエ</t>
    </rPh>
    <rPh sb="2" eb="3">
      <t>サワ</t>
    </rPh>
    <rPh sb="4" eb="5">
      <t>ウチ</t>
    </rPh>
    <rPh sb="6" eb="7">
      <t>カタチ</t>
    </rPh>
    <rPh sb="8" eb="9">
      <t>トウ</t>
    </rPh>
    <phoneticPr fontId="3"/>
  </si>
  <si>
    <r>
      <t>Dynabook株式会社</t>
    </r>
    <r>
      <rPr>
        <sz val="8"/>
        <rFont val="HGP創英角ｺﾞｼｯｸUB"/>
        <family val="3"/>
        <charset val="128"/>
      </rPr>
      <t xml:space="preserve">
</t>
    </r>
    <r>
      <rPr>
        <sz val="14"/>
        <rFont val="HGP創英角ｺﾞｼｯｸUB"/>
        <family val="3"/>
        <charset val="128"/>
      </rPr>
      <t>　GIGAスクール修理受付窓口</t>
    </r>
    <r>
      <rPr>
        <sz val="6"/>
        <rFont val="HGP創英角ｺﾞｼｯｸUB"/>
        <family val="3"/>
        <charset val="128"/>
      </rPr>
      <t xml:space="preserve">
</t>
    </r>
    <r>
      <rPr>
        <sz val="8"/>
        <rFont val="HGP創英角ｺﾞｼｯｸUB"/>
        <family val="3"/>
        <charset val="128"/>
      </rPr>
      <t xml:space="preserve">
</t>
    </r>
    <r>
      <rPr>
        <sz val="11"/>
        <rFont val="HGP創英角ｺﾞｼｯｸUB"/>
        <family val="3"/>
        <charset val="128"/>
      </rPr>
      <t>e-mail　
　　DBI-GIGA-FRONT@group.dynabook.com</t>
    </r>
    <r>
      <rPr>
        <sz val="8"/>
        <rFont val="HGP創英角ｺﾞｼｯｸUB"/>
        <family val="3"/>
        <charset val="128"/>
      </rPr>
      <t xml:space="preserve">
</t>
    </r>
    <r>
      <rPr>
        <sz val="10"/>
        <rFont val="HGP創英角ｺﾞｼｯｸUB"/>
        <family val="3"/>
        <charset val="128"/>
      </rPr>
      <t>TEL:0120-86-9192
FAX:043-278-2941</t>
    </r>
    <rPh sb="8" eb="12">
      <t>カブシキガイシャ</t>
    </rPh>
    <phoneticPr fontId="3"/>
  </si>
  <si>
    <t>集荷時間帯を選択してください。　（集荷時間帯のご記入が無い場合は、指定なしとさせていただきます。）
＊集荷地域によってご希望の集荷時間帯をご指定できない場合がございます。その際は再スケジュールのご連絡をいたします。</t>
    <phoneticPr fontId="3"/>
  </si>
  <si>
    <t>＊集荷先・返却先は、社名に合わせて部署名（部課名）もご記入下さい。</t>
    <rPh sb="1" eb="3">
      <t>シュウカ</t>
    </rPh>
    <rPh sb="3" eb="4">
      <t>サキ</t>
    </rPh>
    <rPh sb="5" eb="7">
      <t>ヘンキャク</t>
    </rPh>
    <rPh sb="7" eb="8">
      <t>サキ</t>
    </rPh>
    <phoneticPr fontId="3"/>
  </si>
  <si>
    <t>（　　　　　　）</t>
    <phoneticPr fontId="3"/>
  </si>
  <si>
    <t>（データ消去を伴う修理の返却先※④事前登録必要）</t>
    <phoneticPr fontId="3"/>
  </si>
  <si>
    <t xml:space="preserve">（いつ頃、どのような症状、発生頻度、エラーメッセージ等）
 </t>
    <phoneticPr fontId="2"/>
  </si>
  <si>
    <t>（注意）①有償の場合は、「修理費用区分：有償」欄を必ずご記入ください。②保証の場合は、必ず『お買上日』を記入してください。③有償修理において、修理品引取り後にキャンセルされる場合には診断料金+送料をご請求させていいただきます。ご了承ください。④データ消去時の返却先は、GIGAスクール受付センター内に事前登録が必要です。※登録された返却先が変更になる場合はGIGAスクール受付センターまで登録変更をご用命ください。⑤※は、必須項目です。漏れのないように記入をお願いいたします。
[保守支援センターの個人情報保護について]
１．お客様にご記入いただいた住所などの情報は、保守サービス活動に利用させて頂く場合がございますので、ご了承下さい。 ２．当社から保守委託している保守会社等に必要な情報を預託する場合がございますが、個人情報保護法及び当社と同様の個人情報保護プログラムを遵守させますので、ご了承下さい。
［お客様情報の取り扱いについて］　メインボード交換、初期インストール作業の場合、記録されたデータはすべて消去されます。お預かりしたお客様のデータの保証については一切責任を負いかねますので、お客様側にて事前にバックアップをお取りください。また、修理対象外の装置や記録媒体などのデータ・内容の保証についても同様ですのでお客様にて保管してください。</t>
    <phoneticPr fontId="3"/>
  </si>
  <si>
    <t>注文番号</t>
    <rPh sb="0" eb="4">
      <t>チュウモンバンゴウ</t>
    </rPh>
    <phoneticPr fontId="3"/>
  </si>
  <si>
    <t>VER_260601-01</t>
    <phoneticPr fontId="3"/>
  </si>
  <si>
    <t>d12345</t>
    <phoneticPr fontId="2"/>
  </si>
  <si>
    <t>メーカー保証内は『保証』へそれ以外は『有償』へ〇をお付けください。</t>
    <rPh sb="4" eb="6">
      <t>ホショウ</t>
    </rPh>
    <rPh sb="6" eb="7">
      <t>ナイ</t>
    </rPh>
    <rPh sb="9" eb="11">
      <t>ホショウ</t>
    </rPh>
    <rPh sb="15" eb="17">
      <t>イガイ</t>
    </rPh>
    <rPh sb="19" eb="21">
      <t>ユウショウ</t>
    </rPh>
    <rPh sb="26" eb="27">
      <t>ツ</t>
    </rPh>
    <phoneticPr fontId="2"/>
  </si>
  <si>
    <t>日</t>
    <rPh sb="0" eb="1">
      <t>ヒ</t>
    </rPh>
    <phoneticPr fontId="2"/>
  </si>
  <si>
    <t>※お客様締日後起算30日以内にお支払いください</t>
    <phoneticPr fontId="2"/>
  </si>
  <si>
    <r>
      <t xml:space="preserve">住所
</t>
    </r>
    <r>
      <rPr>
        <sz val="6"/>
        <rFont val="ＭＳ ゴシック"/>
        <family val="3"/>
        <charset val="128"/>
      </rPr>
      <t xml:space="preserve">
</t>
    </r>
    <r>
      <rPr>
        <sz val="8"/>
        <rFont val="ＭＳ ゴシック"/>
        <family val="3"/>
        <charset val="128"/>
      </rPr>
      <t xml:space="preserve">会社名
</t>
    </r>
    <r>
      <rPr>
        <sz val="9"/>
        <rFont val="ＭＳ ゴシック"/>
        <family val="3"/>
        <charset val="128"/>
      </rPr>
      <t>所属</t>
    </r>
    <rPh sb="0" eb="2">
      <t>ジュウショ</t>
    </rPh>
    <rPh sb="5" eb="8">
      <t>カイシャメイ</t>
    </rPh>
    <rPh sb="10" eb="12">
      <t>ショゾ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2" x14ac:knownFonts="1">
    <font>
      <sz val="11"/>
      <color theme="1"/>
      <name val="游ゴシック"/>
      <family val="2"/>
      <charset val="128"/>
      <scheme val="minor"/>
    </font>
    <font>
      <sz val="14"/>
      <name val="ＭＳ ゴシック"/>
      <family val="3"/>
      <charset val="128"/>
    </font>
    <font>
      <sz val="6"/>
      <name val="游ゴシック"/>
      <family val="2"/>
      <charset val="128"/>
      <scheme val="minor"/>
    </font>
    <font>
      <sz val="6"/>
      <name val="ＭＳ Ｐゴシック"/>
      <family val="3"/>
      <charset val="128"/>
    </font>
    <font>
      <sz val="11"/>
      <name val="ＭＳ ゴシック"/>
      <family val="3"/>
      <charset val="128"/>
    </font>
    <font>
      <b/>
      <sz val="11"/>
      <name val="ＭＳ ゴシック"/>
      <family val="3"/>
      <charset val="128"/>
    </font>
    <font>
      <sz val="6"/>
      <name val="ＭＳ ゴシック"/>
      <family val="3"/>
      <charset val="128"/>
    </font>
    <font>
      <sz val="10"/>
      <name val="ＭＳ ゴシック"/>
      <family val="3"/>
      <charset val="128"/>
    </font>
    <font>
      <sz val="14"/>
      <name val="Meiryo UI"/>
      <family val="3"/>
      <charset val="128"/>
    </font>
    <font>
      <sz val="12"/>
      <name val="Meiryo UI"/>
      <family val="3"/>
      <charset val="128"/>
    </font>
    <font>
      <sz val="11"/>
      <name val="Meiryo UI"/>
      <family val="3"/>
      <charset val="128"/>
    </font>
    <font>
      <sz val="16"/>
      <name val="Meiryo UI"/>
      <family val="3"/>
      <charset val="128"/>
    </font>
    <font>
      <b/>
      <sz val="11"/>
      <name val="Meiryo UI"/>
      <family val="3"/>
      <charset val="128"/>
    </font>
    <font>
      <b/>
      <sz val="11"/>
      <color indexed="10"/>
      <name val="Meiryo UI"/>
      <family val="3"/>
      <charset val="128"/>
    </font>
    <font>
      <b/>
      <sz val="10"/>
      <name val="Meiryo UI"/>
      <family val="3"/>
      <charset val="128"/>
    </font>
    <font>
      <sz val="11"/>
      <color theme="1"/>
      <name val="Meiryo UI"/>
      <family val="3"/>
      <charset val="128"/>
    </font>
    <font>
      <b/>
      <sz val="8"/>
      <color indexed="10"/>
      <name val="Meiryo UI"/>
      <family val="3"/>
      <charset val="128"/>
    </font>
    <font>
      <sz val="10"/>
      <name val="Meiryo UI"/>
      <family val="3"/>
      <charset val="128"/>
    </font>
    <font>
      <sz val="8"/>
      <name val="Meiryo UI"/>
      <family val="3"/>
      <charset val="128"/>
    </font>
    <font>
      <sz val="8"/>
      <color rgb="FFFF0000"/>
      <name val="Meiryo UI"/>
      <family val="3"/>
      <charset val="128"/>
    </font>
    <font>
      <b/>
      <sz val="8"/>
      <name val="Meiryo UI"/>
      <family val="3"/>
      <charset val="128"/>
    </font>
    <font>
      <b/>
      <sz val="6"/>
      <name val="Meiryo UI"/>
      <family val="3"/>
      <charset val="128"/>
    </font>
    <font>
      <b/>
      <sz val="5"/>
      <name val="Meiryo UI"/>
      <family val="3"/>
      <charset val="128"/>
    </font>
    <font>
      <b/>
      <sz val="7"/>
      <name val="Meiryo UI"/>
      <family val="3"/>
      <charset val="128"/>
    </font>
    <font>
      <b/>
      <sz val="9"/>
      <name val="Meiryo UI"/>
      <family val="3"/>
      <charset val="128"/>
    </font>
    <font>
      <b/>
      <sz val="9"/>
      <color indexed="10"/>
      <name val="Meiryo UI"/>
      <family val="3"/>
      <charset val="128"/>
    </font>
    <font>
      <b/>
      <sz val="11"/>
      <color rgb="FFFF0000"/>
      <name val="Meiryo UI"/>
      <family val="3"/>
      <charset val="128"/>
    </font>
    <font>
      <sz val="9"/>
      <color rgb="FF000000"/>
      <name val="Meiryo UI"/>
      <family val="3"/>
      <charset val="128"/>
    </font>
    <font>
      <sz val="9"/>
      <color theme="1"/>
      <name val="游ゴシック"/>
      <family val="2"/>
      <charset val="128"/>
      <scheme val="minor"/>
    </font>
    <font>
      <b/>
      <sz val="8"/>
      <color theme="1"/>
      <name val="游ゴシック"/>
      <family val="2"/>
      <charset val="128"/>
      <scheme val="minor"/>
    </font>
    <font>
      <sz val="10"/>
      <color rgb="FFFF0000"/>
      <name val="Meiryo UI"/>
      <family val="3"/>
      <charset val="128"/>
    </font>
    <font>
      <sz val="11"/>
      <color rgb="FFFF0000"/>
      <name val="游ゴシック"/>
      <family val="2"/>
      <charset val="128"/>
      <scheme val="minor"/>
    </font>
    <font>
      <sz val="11"/>
      <color rgb="FFFF0000"/>
      <name val="Meiryo UI"/>
      <family val="3"/>
      <charset val="128"/>
    </font>
    <font>
      <sz val="11"/>
      <color rgb="FFFF0000"/>
      <name val="游ゴシック"/>
      <family val="3"/>
      <charset val="128"/>
      <scheme val="minor"/>
    </font>
    <font>
      <sz val="12"/>
      <color rgb="FFFF0000"/>
      <name val="Meiryo UI"/>
      <family val="3"/>
      <charset val="128"/>
    </font>
    <font>
      <sz val="12"/>
      <color rgb="FFFF0000"/>
      <name val="游ゴシック"/>
      <family val="2"/>
      <charset val="128"/>
      <scheme val="minor"/>
    </font>
    <font>
      <sz val="9"/>
      <color rgb="FFFF0000"/>
      <name val="游ゴシック"/>
      <family val="2"/>
      <charset val="128"/>
      <scheme val="minor"/>
    </font>
    <font>
      <b/>
      <sz val="8"/>
      <color rgb="FFFF0000"/>
      <name val="ＭＳ Ｐゴシック"/>
      <family val="3"/>
      <charset val="128"/>
    </font>
    <font>
      <sz val="8"/>
      <name val="ＭＳ Ｐゴシック"/>
      <family val="3"/>
      <charset val="128"/>
    </font>
    <font>
      <sz val="12"/>
      <name val="ＭＳ ゴシック"/>
      <family val="3"/>
      <charset val="128"/>
    </font>
    <font>
      <b/>
      <sz val="11"/>
      <color indexed="10"/>
      <name val="ＭＳ ゴシック"/>
      <family val="3"/>
      <charset val="128"/>
    </font>
    <font>
      <b/>
      <sz val="9"/>
      <name val="ＭＳ ゴシック"/>
      <family val="3"/>
      <charset val="128"/>
    </font>
    <font>
      <sz val="9"/>
      <name val="ＭＳ ゴシック"/>
      <family val="3"/>
      <charset val="128"/>
    </font>
    <font>
      <sz val="9"/>
      <name val="ＭＳ Ｐゴシック"/>
      <family val="3"/>
      <charset val="128"/>
    </font>
    <font>
      <b/>
      <sz val="9"/>
      <name val="ＭＳ Ｐゴシック"/>
      <family val="3"/>
      <charset val="128"/>
    </font>
    <font>
      <sz val="16"/>
      <name val="HGP創英角ｺﾞｼｯｸUB"/>
      <family val="3"/>
      <charset val="128"/>
    </font>
    <font>
      <sz val="8"/>
      <name val="HGP創英角ｺﾞｼｯｸUB"/>
      <family val="3"/>
      <charset val="128"/>
    </font>
    <font>
      <sz val="10"/>
      <name val="HGP創英角ｺﾞｼｯｸUB"/>
      <family val="3"/>
      <charset val="128"/>
    </font>
    <font>
      <sz val="6"/>
      <name val="HGP創英角ｺﾞｼｯｸUB"/>
      <family val="3"/>
      <charset val="128"/>
    </font>
    <font>
      <sz val="11"/>
      <name val="HGP創英角ｺﾞｼｯｸUB"/>
      <family val="3"/>
      <charset val="128"/>
    </font>
    <font>
      <b/>
      <sz val="8"/>
      <color indexed="10"/>
      <name val="ＭＳ ゴシック"/>
      <family val="3"/>
      <charset val="128"/>
    </font>
    <font>
      <sz val="10"/>
      <name val="ＭＳ Ｐゴシック"/>
      <family val="3"/>
      <charset val="128"/>
    </font>
    <font>
      <sz val="8"/>
      <name val="ＭＳ ゴシック"/>
      <family val="3"/>
      <charset val="128"/>
    </font>
    <font>
      <b/>
      <sz val="8"/>
      <color rgb="FFFF0000"/>
      <name val="ＭＳ ゴシック"/>
      <family val="3"/>
      <charset val="128"/>
    </font>
    <font>
      <sz val="11"/>
      <color theme="1"/>
      <name val="ＭＳ ゴシック"/>
      <family val="3"/>
      <charset val="128"/>
    </font>
    <font>
      <b/>
      <sz val="9"/>
      <color theme="1"/>
      <name val="ＭＳ ゴシック"/>
      <family val="3"/>
      <charset val="128"/>
    </font>
    <font>
      <b/>
      <sz val="7"/>
      <name val="ＭＳ ゴシック"/>
      <family val="3"/>
      <charset val="128"/>
    </font>
    <font>
      <b/>
      <sz val="9"/>
      <color indexed="10"/>
      <name val="ＭＳ ゴシック"/>
      <family val="3"/>
      <charset val="128"/>
    </font>
    <font>
      <sz val="14"/>
      <name val="HGP創英角ｺﾞｼｯｸUB"/>
      <family val="3"/>
      <charset val="128"/>
    </font>
    <font>
      <b/>
      <sz val="6"/>
      <name val="ＭＳ ゴシック"/>
      <family val="3"/>
      <charset val="128"/>
    </font>
    <font>
      <sz val="11"/>
      <name val="ＭＳ Ｐゴシック"/>
      <family val="3"/>
      <charset val="128"/>
    </font>
    <font>
      <sz val="9"/>
      <color rgb="FFFF0000"/>
      <name val="ＭＳ Ｐゴシック"/>
      <family val="3"/>
      <charset val="128"/>
    </font>
  </fonts>
  <fills count="3">
    <fill>
      <patternFill patternType="none"/>
    </fill>
    <fill>
      <patternFill patternType="gray125"/>
    </fill>
    <fill>
      <patternFill patternType="solid">
        <fgColor indexed="9"/>
        <bgColor indexed="64"/>
      </patternFill>
    </fill>
  </fills>
  <borders count="50">
    <border>
      <left/>
      <right/>
      <top/>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diagonal/>
    </border>
    <border>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medium">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style="medium">
        <color indexed="64"/>
      </left>
      <right/>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auto="1"/>
      </left>
      <right style="thin">
        <color auto="1"/>
      </right>
      <top/>
      <bottom/>
      <diagonal/>
    </border>
    <border>
      <left/>
      <right style="medium">
        <color indexed="64"/>
      </right>
      <top/>
      <bottom style="thin">
        <color indexed="64"/>
      </bottom>
      <diagonal/>
    </border>
  </borders>
  <cellStyleXfs count="1">
    <xf numFmtId="0" fontId="0" fillId="0" borderId="0">
      <alignment vertical="center"/>
    </xf>
  </cellStyleXfs>
  <cellXfs count="419">
    <xf numFmtId="0" fontId="0" fillId="0" borderId="0" xfId="0">
      <alignment vertical="center"/>
    </xf>
    <xf numFmtId="0" fontId="1" fillId="0" borderId="0" xfId="0" applyFont="1" applyAlignment="1">
      <alignment horizontal="center" vertical="center"/>
    </xf>
    <xf numFmtId="0" fontId="4" fillId="0" borderId="0" xfId="0" applyFont="1" applyAlignment="1">
      <alignment horizontal="center" vertical="center"/>
    </xf>
    <xf numFmtId="0" fontId="6" fillId="0" borderId="0" xfId="0" applyFont="1" applyAlignment="1">
      <alignment horizontal="center" vertical="center"/>
    </xf>
    <xf numFmtId="0" fontId="7" fillId="0" borderId="0" xfId="0" applyFont="1" applyAlignment="1">
      <alignment horizontal="center" vertical="center"/>
    </xf>
    <xf numFmtId="0" fontId="4" fillId="0" borderId="0" xfId="0" applyFont="1" applyAlignment="1">
      <alignment horizontal="left" vertical="center"/>
    </xf>
    <xf numFmtId="0" fontId="4" fillId="0" borderId="0" xfId="0" applyFont="1" applyAlignment="1">
      <alignment horizontal="right" vertical="center"/>
    </xf>
    <xf numFmtId="0" fontId="5" fillId="0" borderId="0" xfId="0" applyFont="1" applyAlignment="1">
      <alignment horizontal="left" vertical="center"/>
    </xf>
    <xf numFmtId="0" fontId="8" fillId="0" borderId="0" xfId="0" applyFont="1" applyAlignment="1">
      <alignment horizontal="center" vertical="center"/>
    </xf>
    <xf numFmtId="0" fontId="8" fillId="0" borderId="0" xfId="0" quotePrefix="1" applyFont="1" applyAlignment="1">
      <alignment horizontal="center" vertical="center"/>
    </xf>
    <xf numFmtId="0" fontId="10" fillId="0" borderId="0" xfId="0" applyFont="1" applyAlignment="1">
      <alignment horizontal="center" vertical="center"/>
    </xf>
    <xf numFmtId="0" fontId="11" fillId="0" borderId="0" xfId="0" applyFont="1" applyAlignment="1">
      <alignment horizontal="left" vertical="center"/>
    </xf>
    <xf numFmtId="0" fontId="10" fillId="2" borderId="0" xfId="0" applyFont="1" applyFill="1" applyAlignment="1">
      <alignment horizontal="left" vertical="center"/>
    </xf>
    <xf numFmtId="0" fontId="10" fillId="2" borderId="0" xfId="0" applyFont="1" applyFill="1" applyAlignment="1">
      <alignment horizontal="center" vertical="center"/>
    </xf>
    <xf numFmtId="0" fontId="10" fillId="0" borderId="8" xfId="0" applyFont="1" applyBorder="1" applyAlignment="1">
      <alignment horizontal="center" vertical="center"/>
    </xf>
    <xf numFmtId="0" fontId="10" fillId="0" borderId="8" xfId="0" applyFont="1" applyBorder="1">
      <alignmen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0" fillId="0" borderId="16" xfId="0" applyFont="1" applyBorder="1" applyAlignment="1">
      <alignment horizontal="left" vertical="center"/>
    </xf>
    <xf numFmtId="0" fontId="10" fillId="0" borderId="19" xfId="0" applyFont="1" applyBorder="1" applyAlignment="1">
      <alignment horizontal="left" vertical="center"/>
    </xf>
    <xf numFmtId="0" fontId="10" fillId="0" borderId="20" xfId="0" applyFont="1" applyBorder="1" applyAlignment="1">
      <alignment horizontal="left" vertical="center"/>
    </xf>
    <xf numFmtId="0" fontId="10" fillId="0" borderId="3" xfId="0" applyFont="1" applyBorder="1" applyAlignment="1">
      <alignment horizontal="left" vertical="top"/>
    </xf>
    <xf numFmtId="0" fontId="10" fillId="0" borderId="0" xfId="0" applyFont="1" applyAlignment="1">
      <alignment horizontal="center" vertical="top"/>
    </xf>
    <xf numFmtId="0" fontId="10" fillId="0" borderId="0" xfId="0" applyFont="1" applyAlignment="1">
      <alignment horizontal="left" vertical="top"/>
    </xf>
    <xf numFmtId="0" fontId="10" fillId="0" borderId="3" xfId="0" applyFont="1" applyBorder="1" applyAlignment="1">
      <alignment horizontal="left" vertical="center" wrapText="1"/>
    </xf>
    <xf numFmtId="0" fontId="10" fillId="0" borderId="3" xfId="0" applyFont="1" applyBorder="1" applyAlignment="1">
      <alignment horizontal="left" vertical="center"/>
    </xf>
    <xf numFmtId="0" fontId="10" fillId="0" borderId="23" xfId="0" applyFont="1" applyBorder="1">
      <alignment vertical="center"/>
    </xf>
    <xf numFmtId="0" fontId="15" fillId="0" borderId="0" xfId="0" applyFont="1" applyAlignment="1">
      <alignment horizontal="left" vertical="center"/>
    </xf>
    <xf numFmtId="0" fontId="15" fillId="0" borderId="0" xfId="0" applyFont="1" applyAlignment="1">
      <alignment horizontal="center" vertical="center"/>
    </xf>
    <xf numFmtId="0" fontId="10" fillId="0" borderId="23" xfId="0" applyFont="1" applyBorder="1" applyAlignment="1">
      <alignment horizontal="left" vertical="center"/>
    </xf>
    <xf numFmtId="0" fontId="17" fillId="0" borderId="6" xfId="0" applyFont="1" applyBorder="1" applyAlignment="1">
      <alignment horizontal="left"/>
    </xf>
    <xf numFmtId="0" fontId="18" fillId="0" borderId="8" xfId="0" applyFont="1" applyBorder="1" applyAlignment="1">
      <alignment horizontal="left"/>
    </xf>
    <xf numFmtId="0" fontId="18" fillId="0" borderId="0" xfId="0" applyFont="1" applyAlignment="1">
      <alignment horizontal="left"/>
    </xf>
    <xf numFmtId="0" fontId="10" fillId="0" borderId="24" xfId="0" applyFont="1" applyBorder="1" applyAlignment="1">
      <alignment horizontal="left" vertical="center"/>
    </xf>
    <xf numFmtId="0" fontId="15" fillId="0" borderId="25" xfId="0" applyFont="1" applyBorder="1">
      <alignment vertical="center"/>
    </xf>
    <xf numFmtId="0" fontId="10" fillId="2" borderId="26" xfId="0" applyFont="1" applyFill="1" applyBorder="1" applyAlignment="1">
      <alignment horizontal="left" vertical="center"/>
    </xf>
    <xf numFmtId="0" fontId="10" fillId="2" borderId="25" xfId="0" applyFont="1" applyFill="1" applyBorder="1" applyAlignment="1">
      <alignment horizontal="left" vertical="center"/>
    </xf>
    <xf numFmtId="0" fontId="19" fillId="0" borderId="25" xfId="0" applyFont="1" applyBorder="1" applyAlignment="1">
      <alignment horizontal="left" vertical="center"/>
    </xf>
    <xf numFmtId="0" fontId="19" fillId="0" borderId="3" xfId="0" applyFont="1" applyBorder="1" applyAlignment="1">
      <alignment horizontal="left" vertical="center"/>
    </xf>
    <xf numFmtId="0" fontId="10" fillId="0" borderId="27" xfId="0" applyFont="1" applyBorder="1" applyAlignment="1">
      <alignment horizontal="left" vertical="center"/>
    </xf>
    <xf numFmtId="0" fontId="18" fillId="0" borderId="30" xfId="0" applyFont="1" applyBorder="1">
      <alignment vertical="center"/>
    </xf>
    <xf numFmtId="0" fontId="18" fillId="0" borderId="31" xfId="0" applyFont="1" applyBorder="1">
      <alignment vertical="center"/>
    </xf>
    <xf numFmtId="0" fontId="18" fillId="0" borderId="32" xfId="0" applyFont="1" applyBorder="1">
      <alignment vertical="center"/>
    </xf>
    <xf numFmtId="0" fontId="10" fillId="0" borderId="30" xfId="0" applyFont="1" applyBorder="1" applyAlignment="1">
      <alignment horizontal="left" vertical="center"/>
    </xf>
    <xf numFmtId="0" fontId="15" fillId="0" borderId="31" xfId="0" applyFont="1" applyBorder="1">
      <alignment vertical="center"/>
    </xf>
    <xf numFmtId="0" fontId="10" fillId="2" borderId="31" xfId="0" applyFont="1" applyFill="1" applyBorder="1" applyAlignment="1">
      <alignment horizontal="left" vertical="center"/>
    </xf>
    <xf numFmtId="0" fontId="19" fillId="0" borderId="31" xfId="0" applyFont="1" applyBorder="1" applyAlignment="1">
      <alignment horizontal="left" vertical="center"/>
    </xf>
    <xf numFmtId="0" fontId="18" fillId="0" borderId="36" xfId="0" applyFont="1" applyBorder="1" applyAlignment="1">
      <alignment horizontal="left" vertical="center"/>
    </xf>
    <xf numFmtId="0" fontId="18" fillId="0" borderId="19" xfId="0" applyFont="1" applyBorder="1" applyAlignment="1">
      <alignment horizontal="left" vertical="center"/>
    </xf>
    <xf numFmtId="0" fontId="16" fillId="0" borderId="18" xfId="0" applyFont="1" applyBorder="1" applyAlignment="1">
      <alignment horizontal="left" vertical="center"/>
    </xf>
    <xf numFmtId="0" fontId="18" fillId="0" borderId="4" xfId="0" applyFont="1" applyBorder="1" applyAlignment="1">
      <alignment horizontal="left" vertical="center"/>
    </xf>
    <xf numFmtId="0" fontId="18" fillId="0" borderId="0" xfId="0" applyFont="1" applyAlignment="1">
      <alignment horizontal="left" vertical="center"/>
    </xf>
    <xf numFmtId="0" fontId="16" fillId="0" borderId="24" xfId="0" applyFont="1" applyBorder="1" applyAlignment="1">
      <alignment horizontal="left" vertical="center"/>
    </xf>
    <xf numFmtId="0" fontId="18" fillId="0" borderId="40" xfId="0" applyFont="1" applyBorder="1" applyAlignment="1">
      <alignment horizontal="left" vertical="center"/>
    </xf>
    <xf numFmtId="0" fontId="18" fillId="0" borderId="41" xfId="0" applyFont="1" applyBorder="1" applyAlignment="1">
      <alignment horizontal="left" vertical="center"/>
    </xf>
    <xf numFmtId="0" fontId="16" fillId="0" borderId="40" xfId="0" applyFont="1" applyBorder="1" applyAlignment="1">
      <alignment horizontal="left" vertical="center"/>
    </xf>
    <xf numFmtId="0" fontId="10" fillId="0" borderId="41" xfId="0" applyFont="1" applyBorder="1" applyAlignment="1">
      <alignment horizontal="left" vertical="center"/>
    </xf>
    <xf numFmtId="0" fontId="10" fillId="0" borderId="42" xfId="0" applyFont="1" applyBorder="1" applyAlignment="1">
      <alignment horizontal="left" vertical="center"/>
    </xf>
    <xf numFmtId="0" fontId="12" fillId="0" borderId="16" xfId="0" applyFont="1" applyBorder="1" applyAlignment="1">
      <alignment horizontal="left" vertical="center"/>
    </xf>
    <xf numFmtId="0" fontId="12" fillId="0" borderId="17" xfId="0" applyFont="1" applyBorder="1" applyAlignment="1">
      <alignment horizontal="left" vertical="center"/>
    </xf>
    <xf numFmtId="0" fontId="16" fillId="0" borderId="16" xfId="0" applyFont="1" applyBorder="1" applyAlignment="1">
      <alignment horizontal="left" vertical="center"/>
    </xf>
    <xf numFmtId="0" fontId="10" fillId="0" borderId="1" xfId="0" applyFont="1" applyBorder="1" applyAlignment="1">
      <alignment horizontal="left" vertical="center"/>
    </xf>
    <xf numFmtId="0" fontId="8" fillId="0" borderId="3" xfId="0" applyFont="1" applyBorder="1" applyAlignment="1">
      <alignment horizontal="left" vertical="center" shrinkToFit="1"/>
    </xf>
    <xf numFmtId="0" fontId="12" fillId="0" borderId="3" xfId="0" applyFont="1" applyBorder="1" applyAlignment="1">
      <alignment horizontal="left" vertical="center"/>
    </xf>
    <xf numFmtId="0" fontId="10" fillId="0" borderId="47" xfId="0" applyFont="1" applyBorder="1" applyAlignment="1">
      <alignment horizontal="left" vertical="center"/>
    </xf>
    <xf numFmtId="0" fontId="10" fillId="0" borderId="4" xfId="0" applyFont="1" applyBorder="1" applyAlignment="1">
      <alignment horizontal="left" vertical="center"/>
    </xf>
    <xf numFmtId="0" fontId="8" fillId="0" borderId="0" xfId="0" applyFont="1" applyAlignment="1">
      <alignment horizontal="left" vertical="center" shrinkToFit="1"/>
    </xf>
    <xf numFmtId="0" fontId="12" fillId="0" borderId="0" xfId="0" applyFont="1" applyAlignment="1">
      <alignment horizontal="left" vertical="center"/>
    </xf>
    <xf numFmtId="0" fontId="17" fillId="0" borderId="0" xfId="0" applyFont="1" applyAlignment="1">
      <alignment horizontal="left" vertical="center"/>
    </xf>
    <xf numFmtId="0" fontId="18" fillId="0" borderId="0" xfId="0" applyFont="1" applyAlignment="1">
      <alignment horizontal="left" vertical="center" shrinkToFit="1"/>
    </xf>
    <xf numFmtId="0" fontId="10" fillId="0" borderId="40" xfId="0" applyFont="1" applyBorder="1" applyAlignment="1">
      <alignment horizontal="left" vertical="center"/>
    </xf>
    <xf numFmtId="0" fontId="15" fillId="0" borderId="0" xfId="0" applyFont="1" applyAlignment="1"/>
    <xf numFmtId="0" fontId="26" fillId="0" borderId="0" xfId="0" applyFont="1" applyAlignment="1"/>
    <xf numFmtId="0" fontId="15" fillId="0" borderId="22" xfId="0" applyFont="1" applyBorder="1" applyAlignment="1"/>
    <xf numFmtId="0" fontId="15" fillId="0" borderId="22" xfId="0" applyFont="1" applyBorder="1" applyAlignment="1">
      <alignment horizontal="center"/>
    </xf>
    <xf numFmtId="0" fontId="28" fillId="0" borderId="22" xfId="0" applyFont="1" applyBorder="1">
      <alignment vertical="center"/>
    </xf>
    <xf numFmtId="0" fontId="28" fillId="0" borderId="48" xfId="0" applyFont="1" applyBorder="1">
      <alignment vertical="center"/>
    </xf>
    <xf numFmtId="0" fontId="10" fillId="0" borderId="4" xfId="0" applyFont="1" applyBorder="1" applyAlignment="1">
      <alignment horizontal="center" vertical="center"/>
    </xf>
    <xf numFmtId="0" fontId="20" fillId="0" borderId="0" xfId="0" applyFont="1" applyAlignment="1">
      <alignment horizontal="left" vertical="center"/>
    </xf>
    <xf numFmtId="0" fontId="10" fillId="0" borderId="3" xfId="0" applyFont="1" applyBorder="1" applyAlignment="1">
      <alignment horizontal="center" vertical="center"/>
    </xf>
    <xf numFmtId="0" fontId="0" fillId="0" borderId="0" xfId="0" applyAlignment="1">
      <alignment horizontal="left" vertical="center"/>
    </xf>
    <xf numFmtId="0" fontId="15" fillId="0" borderId="8" xfId="0" applyFont="1" applyBorder="1" applyAlignment="1">
      <alignment horizontal="center" vertical="center"/>
    </xf>
    <xf numFmtId="0" fontId="10" fillId="0" borderId="8" xfId="0" applyFont="1" applyBorder="1" applyAlignment="1">
      <alignment horizontal="left" vertical="center"/>
    </xf>
    <xf numFmtId="0" fontId="10" fillId="0" borderId="25" xfId="0" applyFont="1" applyBorder="1" applyAlignment="1">
      <alignment horizontal="left" vertical="center"/>
    </xf>
    <xf numFmtId="0" fontId="10" fillId="0" borderId="31" xfId="0" applyFont="1" applyBorder="1" applyAlignment="1">
      <alignment horizontal="left" vertical="center"/>
    </xf>
    <xf numFmtId="0" fontId="9" fillId="0" borderId="0" xfId="0" applyFont="1" applyAlignment="1">
      <alignment horizontal="center" vertical="center"/>
    </xf>
    <xf numFmtId="0" fontId="10" fillId="0" borderId="0" xfId="0" applyFont="1">
      <alignment vertical="center"/>
    </xf>
    <xf numFmtId="0" fontId="30" fillId="0" borderId="0" xfId="0" applyFont="1" applyAlignment="1">
      <alignment horizontal="left" vertical="top"/>
    </xf>
    <xf numFmtId="0" fontId="36" fillId="0" borderId="22" xfId="0" applyFont="1" applyBorder="1">
      <alignment vertical="center"/>
    </xf>
    <xf numFmtId="0" fontId="32" fillId="0" borderId="22" xfId="0" applyFont="1" applyBorder="1" applyAlignment="1"/>
    <xf numFmtId="0" fontId="39" fillId="0" borderId="0" xfId="0" applyFont="1" applyAlignment="1">
      <alignment horizontal="center" vertical="center"/>
    </xf>
    <xf numFmtId="0" fontId="41" fillId="0" borderId="3" xfId="0" applyFont="1" applyBorder="1" applyAlignment="1">
      <alignment horizontal="left" vertical="center"/>
    </xf>
    <xf numFmtId="0" fontId="42" fillId="0" borderId="3" xfId="0" applyFont="1" applyBorder="1" applyAlignment="1">
      <alignment horizontal="center" vertical="center"/>
    </xf>
    <xf numFmtId="0" fontId="0" fillId="0" borderId="6" xfId="0" applyBorder="1" applyAlignment="1">
      <alignment vertical="top"/>
    </xf>
    <xf numFmtId="0" fontId="0" fillId="0" borderId="8" xfId="0" applyBorder="1" applyAlignment="1">
      <alignment vertical="top"/>
    </xf>
    <xf numFmtId="0" fontId="4" fillId="0" borderId="8" xfId="0" applyFont="1" applyBorder="1" applyAlignment="1">
      <alignment vertical="center" wrapText="1"/>
    </xf>
    <xf numFmtId="0" fontId="4" fillId="0" borderId="8" xfId="0" applyFont="1" applyBorder="1">
      <alignment vertical="center"/>
    </xf>
    <xf numFmtId="0" fontId="4" fillId="0" borderId="7" xfId="0" applyFont="1" applyBorder="1">
      <alignment vertical="center"/>
    </xf>
    <xf numFmtId="0" fontId="41" fillId="0" borderId="10" xfId="0" quotePrefix="1" applyFont="1" applyBorder="1" applyAlignment="1">
      <alignment horizontal="center" vertical="center"/>
    </xf>
    <xf numFmtId="0" fontId="41" fillId="0" borderId="10" xfId="0" applyFont="1" applyBorder="1" applyAlignment="1">
      <alignment horizontal="left" vertical="center"/>
    </xf>
    <xf numFmtId="0" fontId="41" fillId="0" borderId="10" xfId="0" applyFont="1" applyBorder="1" applyAlignment="1">
      <alignment horizontal="center" vertical="center"/>
    </xf>
    <xf numFmtId="0" fontId="42" fillId="0" borderId="0" xfId="0" applyFont="1" applyAlignment="1">
      <alignment horizontal="center" vertical="center"/>
    </xf>
    <xf numFmtId="0" fontId="42" fillId="2" borderId="26" xfId="0" applyFont="1" applyFill="1" applyBorder="1" applyAlignment="1">
      <alignment horizontal="center" vertical="center"/>
    </xf>
    <xf numFmtId="0" fontId="50" fillId="0" borderId="18" xfId="0" applyFont="1" applyBorder="1" applyAlignment="1">
      <alignment horizontal="left" vertical="center"/>
    </xf>
    <xf numFmtId="0" fontId="53" fillId="0" borderId="25" xfId="0" applyFont="1" applyBorder="1" applyAlignment="1">
      <alignment horizontal="left" vertical="center"/>
    </xf>
    <xf numFmtId="0" fontId="53" fillId="0" borderId="24" xfId="0" applyFont="1" applyBorder="1" applyAlignment="1">
      <alignment horizontal="left" vertical="center"/>
    </xf>
    <xf numFmtId="0" fontId="59" fillId="0" borderId="0" xfId="0" applyFont="1" applyAlignment="1">
      <alignment horizontal="left"/>
    </xf>
    <xf numFmtId="0" fontId="0" fillId="0" borderId="31" xfId="0" applyBorder="1" applyAlignment="1">
      <alignment horizontal="left" vertical="center"/>
    </xf>
    <xf numFmtId="0" fontId="15" fillId="0" borderId="31" xfId="0" applyFont="1" applyBorder="1" applyAlignment="1">
      <alignment horizontal="left" vertical="center"/>
    </xf>
    <xf numFmtId="0" fontId="42" fillId="0" borderId="31" xfId="0" applyFont="1" applyBorder="1" applyAlignment="1">
      <alignment horizontal="left" vertical="center"/>
    </xf>
    <xf numFmtId="0" fontId="15" fillId="0" borderId="33" xfId="0" applyFont="1" applyBorder="1" applyAlignment="1">
      <alignment horizontal="left" vertical="center"/>
    </xf>
    <xf numFmtId="0" fontId="17" fillId="0" borderId="31" xfId="0" applyFont="1" applyBorder="1" applyAlignment="1">
      <alignment horizontal="left" vertical="center"/>
    </xf>
    <xf numFmtId="0" fontId="0" fillId="0" borderId="25" xfId="0" applyBorder="1">
      <alignment vertical="center"/>
    </xf>
    <xf numFmtId="0" fontId="0" fillId="0" borderId="27" xfId="0" applyBorder="1">
      <alignment vertical="center"/>
    </xf>
    <xf numFmtId="0" fontId="7" fillId="0" borderId="24" xfId="0" applyFont="1" applyBorder="1">
      <alignment vertical="center"/>
    </xf>
    <xf numFmtId="0" fontId="61" fillId="0" borderId="25" xfId="0" applyFont="1" applyBorder="1">
      <alignment vertical="center"/>
    </xf>
    <xf numFmtId="0" fontId="4" fillId="0" borderId="0" xfId="0" applyFont="1" applyAlignment="1" applyProtection="1">
      <alignment horizontal="left" vertical="center"/>
      <protection locked="0"/>
    </xf>
    <xf numFmtId="0" fontId="54" fillId="0" borderId="31" xfId="0" applyFont="1" applyBorder="1" applyAlignment="1" applyProtection="1">
      <alignment horizontal="left" vertical="center"/>
      <protection locked="0"/>
    </xf>
    <xf numFmtId="0" fontId="6" fillId="0" borderId="19" xfId="0" applyFont="1" applyBorder="1" applyAlignment="1">
      <alignment horizontal="left" vertical="top" wrapText="1"/>
    </xf>
    <xf numFmtId="0" fontId="6" fillId="0" borderId="0" xfId="0" applyFont="1" applyAlignment="1">
      <alignment horizontal="left" vertical="top" wrapText="1"/>
    </xf>
    <xf numFmtId="0" fontId="50" fillId="0" borderId="30" xfId="0" applyFont="1" applyBorder="1" applyAlignment="1">
      <alignment horizontal="left" vertical="center"/>
    </xf>
    <xf numFmtId="0" fontId="0" fillId="0" borderId="31" xfId="0" applyBorder="1" applyAlignment="1">
      <alignment horizontal="left" vertical="center"/>
    </xf>
    <xf numFmtId="0" fontId="39" fillId="0" borderId="30" xfId="0" applyFont="1" applyBorder="1" applyAlignment="1">
      <alignment horizontal="center" vertical="center"/>
    </xf>
    <xf numFmtId="0" fontId="0" fillId="0" borderId="31" xfId="0" applyBorder="1">
      <alignment vertical="center"/>
    </xf>
    <xf numFmtId="0" fontId="0" fillId="0" borderId="32" xfId="0" applyBorder="1">
      <alignment vertical="center"/>
    </xf>
    <xf numFmtId="0" fontId="54" fillId="0" borderId="31" xfId="0" applyFont="1" applyBorder="1" applyAlignment="1" applyProtection="1">
      <alignment horizontal="left" vertical="center" shrinkToFit="1"/>
      <protection locked="0"/>
    </xf>
    <xf numFmtId="0" fontId="54" fillId="0" borderId="33" xfId="0" applyFont="1" applyBorder="1" applyAlignment="1" applyProtection="1">
      <alignment horizontal="left" vertical="center" shrinkToFit="1"/>
      <protection locked="0"/>
    </xf>
    <xf numFmtId="0" fontId="52" fillId="0" borderId="18" xfId="0" applyFont="1" applyBorder="1" applyAlignment="1">
      <alignment horizontal="center" vertical="center" wrapText="1"/>
    </xf>
    <xf numFmtId="0" fontId="0" fillId="0" borderId="17" xfId="0" applyBorder="1" applyAlignment="1">
      <alignment horizontal="center" vertical="center" wrapText="1"/>
    </xf>
    <xf numFmtId="0" fontId="4" fillId="0" borderId="16" xfId="0" applyFont="1" applyBorder="1" applyAlignment="1" applyProtection="1">
      <alignment horizontal="left" vertical="center" shrinkToFit="1"/>
      <protection locked="0"/>
    </xf>
    <xf numFmtId="0" fontId="54" fillId="0" borderId="16" xfId="0" applyFont="1" applyBorder="1" applyAlignment="1" applyProtection="1">
      <alignment horizontal="left" vertical="center" shrinkToFit="1"/>
      <protection locked="0"/>
    </xf>
    <xf numFmtId="0" fontId="54" fillId="0" borderId="37" xfId="0" applyFont="1" applyBorder="1" applyAlignment="1" applyProtection="1">
      <alignment horizontal="left" vertical="center" shrinkToFit="1"/>
      <protection locked="0"/>
    </xf>
    <xf numFmtId="0" fontId="52" fillId="0" borderId="24" xfId="0" applyFont="1" applyBorder="1" applyAlignment="1">
      <alignment horizontal="center" vertical="center" shrinkToFit="1"/>
    </xf>
    <xf numFmtId="0" fontId="0" fillId="0" borderId="26" xfId="0" applyBorder="1" applyAlignment="1">
      <alignment horizontal="center" vertical="center" shrinkToFit="1"/>
    </xf>
    <xf numFmtId="0" fontId="4" fillId="0" borderId="25" xfId="0" applyFont="1" applyBorder="1" applyAlignment="1" applyProtection="1">
      <alignment horizontal="left" vertical="center" shrinkToFit="1"/>
      <protection locked="0"/>
    </xf>
    <xf numFmtId="0" fontId="54" fillId="0" borderId="25" xfId="0" applyFont="1" applyBorder="1" applyAlignment="1" applyProtection="1">
      <alignment horizontal="left" vertical="center" shrinkToFit="1"/>
      <protection locked="0"/>
    </xf>
    <xf numFmtId="0" fontId="54" fillId="0" borderId="26" xfId="0" applyFont="1" applyBorder="1" applyAlignment="1" applyProtection="1">
      <alignment horizontal="left" vertical="center" shrinkToFit="1"/>
      <protection locked="0"/>
    </xf>
    <xf numFmtId="0" fontId="52" fillId="0" borderId="24" xfId="0" applyFont="1" applyBorder="1" applyAlignment="1">
      <alignment horizontal="left" vertical="center" shrinkToFit="1"/>
    </xf>
    <xf numFmtId="0" fontId="38" fillId="0" borderId="26" xfId="0" applyFont="1" applyBorder="1" applyAlignment="1">
      <alignment horizontal="left" vertical="center" shrinkToFit="1"/>
    </xf>
    <xf numFmtId="0" fontId="54" fillId="0" borderId="24" xfId="0" applyFont="1" applyBorder="1" applyAlignment="1" applyProtection="1">
      <alignment horizontal="left" vertical="center" shrinkToFit="1"/>
      <protection locked="0"/>
    </xf>
    <xf numFmtId="0" fontId="54" fillId="0" borderId="27" xfId="0" applyFont="1" applyBorder="1" applyAlignment="1" applyProtection="1">
      <alignment horizontal="left" vertical="center" shrinkToFit="1"/>
      <protection locked="0"/>
    </xf>
    <xf numFmtId="0" fontId="39" fillId="0" borderId="24" xfId="0" applyFont="1" applyBorder="1" applyAlignment="1">
      <alignment horizontal="center" vertical="center"/>
    </xf>
    <xf numFmtId="0" fontId="0" fillId="0" borderId="25" xfId="0" applyBorder="1">
      <alignment vertical="center"/>
    </xf>
    <xf numFmtId="0" fontId="0" fillId="0" borderId="26" xfId="0" applyBorder="1">
      <alignment vertical="center"/>
    </xf>
    <xf numFmtId="0" fontId="0" fillId="0" borderId="27" xfId="0" applyBorder="1">
      <alignment vertical="center"/>
    </xf>
    <xf numFmtId="0" fontId="56" fillId="0" borderId="46" xfId="0" applyFont="1" applyBorder="1" applyAlignment="1">
      <alignment horizontal="center" vertical="center" wrapText="1"/>
    </xf>
    <xf numFmtId="0" fontId="56" fillId="0" borderId="2" xfId="0" applyFont="1" applyBorder="1" applyAlignment="1">
      <alignment horizontal="center" vertical="center" wrapText="1"/>
    </xf>
    <xf numFmtId="0" fontId="56" fillId="0" borderId="43" xfId="0" applyFont="1" applyBorder="1" applyAlignment="1">
      <alignment horizontal="center" vertical="center" wrapText="1"/>
    </xf>
    <xf numFmtId="0" fontId="56" fillId="0" borderId="44" xfId="0" applyFont="1" applyBorder="1" applyAlignment="1">
      <alignment horizontal="center" vertical="center" wrapText="1"/>
    </xf>
    <xf numFmtId="0" fontId="4" fillId="0" borderId="18" xfId="0" applyFont="1" applyBorder="1" applyAlignment="1" applyProtection="1">
      <alignment horizontal="left" vertical="center" shrinkToFit="1"/>
      <protection locked="0"/>
    </xf>
    <xf numFmtId="0" fontId="6" fillId="0" borderId="0" xfId="0" applyFont="1" applyAlignment="1">
      <alignment horizontal="left" vertical="center"/>
    </xf>
    <xf numFmtId="0" fontId="0" fillId="0" borderId="0" xfId="0" applyAlignment="1">
      <alignment horizontal="left" vertical="center"/>
    </xf>
    <xf numFmtId="0" fontId="37" fillId="0" borderId="0" xfId="0" applyFont="1" applyAlignment="1">
      <alignment horizontal="left" vertical="center"/>
    </xf>
    <xf numFmtId="0" fontId="38" fillId="0" borderId="0" xfId="0" applyFont="1" applyAlignment="1">
      <alignment horizontal="left" vertical="center"/>
    </xf>
    <xf numFmtId="0" fontId="39" fillId="0" borderId="0" xfId="0" applyFont="1" applyAlignment="1">
      <alignment horizontal="center" vertical="center"/>
    </xf>
    <xf numFmtId="0" fontId="0" fillId="0" borderId="0" xfId="0" applyAlignment="1">
      <alignment horizontal="center" vertical="center"/>
    </xf>
    <xf numFmtId="0" fontId="5" fillId="0" borderId="1" xfId="0" applyFont="1" applyBorder="1" applyAlignment="1">
      <alignment horizontal="center" vertical="center" textRotation="255" wrapText="1"/>
    </xf>
    <xf numFmtId="0" fontId="5" fillId="0" borderId="2" xfId="0" applyFont="1" applyBorder="1" applyAlignment="1">
      <alignment horizontal="center" vertical="center" textRotation="255" wrapText="1"/>
    </xf>
    <xf numFmtId="0" fontId="5" fillId="0" borderId="4" xfId="0" applyFont="1" applyBorder="1" applyAlignment="1">
      <alignment horizontal="center" vertical="center" textRotation="255" wrapText="1"/>
    </xf>
    <xf numFmtId="0" fontId="5" fillId="0" borderId="5" xfId="0" applyFont="1" applyBorder="1" applyAlignment="1">
      <alignment horizontal="center" vertical="center" textRotation="255" wrapText="1"/>
    </xf>
    <xf numFmtId="0" fontId="0" fillId="0" borderId="6" xfId="0" applyBorder="1" applyAlignment="1">
      <alignment horizontal="center" vertical="center"/>
    </xf>
    <xf numFmtId="0" fontId="0" fillId="0" borderId="7" xfId="0" applyBorder="1" applyAlignment="1">
      <alignment horizontal="center" vertical="center"/>
    </xf>
    <xf numFmtId="0" fontId="4" fillId="0" borderId="4" xfId="0" applyFont="1" applyBorder="1" applyAlignment="1" applyProtection="1">
      <alignment horizontal="left" vertical="center" shrinkToFit="1"/>
      <protection locked="0"/>
    </xf>
    <xf numFmtId="0" fontId="54" fillId="0" borderId="0" xfId="0" applyFont="1" applyAlignment="1" applyProtection="1">
      <alignment shrinkToFit="1"/>
      <protection locked="0"/>
    </xf>
    <xf numFmtId="0" fontId="54" fillId="0" borderId="5" xfId="0" applyFont="1" applyBorder="1" applyAlignment="1" applyProtection="1">
      <alignment shrinkToFit="1"/>
      <protection locked="0"/>
    </xf>
    <xf numFmtId="0" fontId="41" fillId="0" borderId="4" xfId="0" applyFont="1" applyBorder="1" applyAlignment="1">
      <alignment horizontal="left" vertical="top" wrapText="1"/>
    </xf>
    <xf numFmtId="0" fontId="43" fillId="0" borderId="0" xfId="0" applyFont="1" applyAlignment="1">
      <alignment vertical="top"/>
    </xf>
    <xf numFmtId="0" fontId="43" fillId="0" borderId="4" xfId="0" applyFont="1" applyBorder="1" applyAlignment="1">
      <alignment vertical="top"/>
    </xf>
    <xf numFmtId="0" fontId="4" fillId="0" borderId="0" xfId="0" applyFont="1" applyAlignment="1" applyProtection="1">
      <alignment horizontal="left" vertical="center" shrinkToFit="1"/>
      <protection locked="0"/>
    </xf>
    <xf numFmtId="0" fontId="4" fillId="0" borderId="5" xfId="0" applyFont="1" applyBorder="1" applyAlignment="1" applyProtection="1">
      <alignment horizontal="left" vertical="center" shrinkToFit="1"/>
      <protection locked="0"/>
    </xf>
    <xf numFmtId="0" fontId="44" fillId="0" borderId="4" xfId="0" applyFont="1" applyBorder="1" applyAlignment="1">
      <alignment horizontal="left" vertical="center"/>
    </xf>
    <xf numFmtId="0" fontId="44" fillId="0" borderId="0" xfId="0" applyFont="1" applyAlignment="1">
      <alignment horizontal="left" vertical="center"/>
    </xf>
    <xf numFmtId="0" fontId="43" fillId="0" borderId="0" xfId="0" applyFont="1" applyAlignment="1">
      <alignment horizontal="left" vertical="center"/>
    </xf>
    <xf numFmtId="0" fontId="4" fillId="0" borderId="0" xfId="0" applyFont="1" applyAlignment="1" applyProtection="1">
      <alignment vertical="center" shrinkToFit="1"/>
      <protection locked="0"/>
    </xf>
    <xf numFmtId="0" fontId="4" fillId="0" borderId="5" xfId="0" applyFont="1" applyBorder="1" applyAlignment="1" applyProtection="1">
      <alignment vertical="center" shrinkToFit="1"/>
      <protection locked="0"/>
    </xf>
    <xf numFmtId="0" fontId="45" fillId="0" borderId="0" xfId="0" applyFont="1" applyAlignment="1">
      <alignment horizontal="left" vertical="top" wrapText="1"/>
    </xf>
    <xf numFmtId="0" fontId="0" fillId="0" borderId="0" xfId="0" applyAlignment="1">
      <alignment vertical="top" wrapText="1"/>
    </xf>
    <xf numFmtId="0" fontId="0" fillId="0" borderId="5" xfId="0" applyBorder="1" applyAlignment="1">
      <alignment vertical="top" wrapText="1"/>
    </xf>
    <xf numFmtId="0" fontId="4" fillId="0" borderId="0" xfId="0" applyFont="1" applyAlignment="1" applyProtection="1">
      <alignment horizontal="center" vertical="center" shrinkToFit="1"/>
      <protection locked="0"/>
    </xf>
    <xf numFmtId="0" fontId="0" fillId="0" borderId="0" xfId="0" applyAlignment="1" applyProtection="1">
      <alignment horizontal="center" vertical="center" shrinkToFit="1"/>
      <protection locked="0"/>
    </xf>
    <xf numFmtId="0" fontId="4" fillId="0" borderId="3" xfId="0" applyFont="1" applyBorder="1" applyAlignment="1" applyProtection="1">
      <alignment horizontal="left" vertical="center" shrinkToFit="1"/>
      <protection locked="0"/>
    </xf>
    <xf numFmtId="0" fontId="54" fillId="0" borderId="3" xfId="0" applyFont="1" applyBorder="1" applyAlignment="1" applyProtection="1">
      <alignment horizontal="left" vertical="center" shrinkToFit="1"/>
      <protection locked="0"/>
    </xf>
    <xf numFmtId="0" fontId="54" fillId="0" borderId="2" xfId="0" applyFont="1" applyBorder="1" applyAlignment="1" applyProtection="1">
      <alignment horizontal="left" vertical="center" shrinkToFit="1"/>
      <protection locked="0"/>
    </xf>
    <xf numFmtId="0" fontId="21" fillId="0" borderId="34" xfId="0" applyFont="1" applyBorder="1" applyAlignment="1">
      <alignment horizontal="center" vertical="center" textRotation="255" wrapText="1"/>
    </xf>
    <xf numFmtId="0" fontId="12" fillId="0" borderId="35" xfId="0" applyFont="1" applyBorder="1" applyAlignment="1">
      <alignment horizontal="center" vertical="center" textRotation="255" wrapText="1"/>
    </xf>
    <xf numFmtId="0" fontId="12" fillId="0" borderId="38" xfId="0" applyFont="1" applyBorder="1" applyAlignment="1">
      <alignment horizontal="center" vertical="center" textRotation="255" wrapText="1"/>
    </xf>
    <xf numFmtId="0" fontId="12" fillId="0" borderId="5" xfId="0" applyFont="1" applyBorder="1" applyAlignment="1">
      <alignment horizontal="center" vertical="center" textRotation="255" wrapText="1"/>
    </xf>
    <xf numFmtId="0" fontId="12" fillId="0" borderId="43" xfId="0" applyFont="1" applyBorder="1" applyAlignment="1">
      <alignment horizontal="center" vertical="center" textRotation="255" wrapText="1"/>
    </xf>
    <xf numFmtId="0" fontId="12" fillId="0" borderId="44" xfId="0" applyFont="1" applyBorder="1" applyAlignment="1">
      <alignment horizontal="center" vertical="center" textRotation="255" wrapText="1"/>
    </xf>
    <xf numFmtId="0" fontId="14" fillId="0" borderId="38" xfId="0" applyFont="1" applyBorder="1" applyAlignment="1">
      <alignment horizontal="center" vertical="center" textRotation="255" wrapText="1"/>
    </xf>
    <xf numFmtId="0" fontId="14" fillId="0" borderId="5" xfId="0" applyFont="1" applyBorder="1" applyAlignment="1">
      <alignment horizontal="center" vertical="center" textRotation="255" wrapText="1"/>
    </xf>
    <xf numFmtId="0" fontId="14" fillId="0" borderId="43" xfId="0" applyFont="1" applyBorder="1" applyAlignment="1">
      <alignment horizontal="center" vertical="center" textRotation="255" wrapText="1"/>
    </xf>
    <xf numFmtId="0" fontId="14" fillId="0" borderId="44" xfId="0" applyFont="1" applyBorder="1" applyAlignment="1">
      <alignment horizontal="center" vertical="center" textRotation="255" wrapText="1"/>
    </xf>
    <xf numFmtId="0" fontId="14" fillId="0" borderId="45" xfId="0" applyFont="1" applyBorder="1" applyAlignment="1">
      <alignment horizontal="center" vertical="center"/>
    </xf>
    <xf numFmtId="0" fontId="14" fillId="0" borderId="16" xfId="0" applyFont="1" applyBorder="1" applyAlignment="1">
      <alignment horizontal="center" vertical="center"/>
    </xf>
    <xf numFmtId="0" fontId="14" fillId="0" borderId="17" xfId="0" applyFont="1" applyBorder="1" applyAlignment="1">
      <alignment horizontal="center" vertical="center"/>
    </xf>
    <xf numFmtId="0" fontId="54" fillId="0" borderId="17" xfId="0" applyFont="1" applyBorder="1" applyAlignment="1" applyProtection="1">
      <alignment horizontal="left" vertical="center" shrinkToFit="1"/>
      <protection locked="0"/>
    </xf>
    <xf numFmtId="0" fontId="52" fillId="0" borderId="30" xfId="0" applyFont="1" applyBorder="1" applyAlignment="1">
      <alignment horizontal="center" vertical="center" shrinkToFit="1"/>
    </xf>
    <xf numFmtId="0" fontId="0" fillId="0" borderId="32" xfId="0" applyBorder="1" applyAlignment="1">
      <alignment horizontal="center" vertical="center" shrinkToFit="1"/>
    </xf>
    <xf numFmtId="0" fontId="41" fillId="0" borderId="34" xfId="0" applyFont="1" applyBorder="1" applyAlignment="1">
      <alignment horizontal="center" vertical="center" wrapText="1"/>
    </xf>
    <xf numFmtId="0" fontId="41" fillId="0" borderId="35" xfId="0" applyFont="1" applyBorder="1" applyAlignment="1">
      <alignment horizontal="center" vertical="center" wrapText="1"/>
    </xf>
    <xf numFmtId="0" fontId="41" fillId="0" borderId="38" xfId="0" applyFont="1" applyBorder="1" applyAlignment="1">
      <alignment horizontal="center" vertical="center" wrapText="1"/>
    </xf>
    <xf numFmtId="0" fontId="41" fillId="0" borderId="5" xfId="0" applyFont="1" applyBorder="1" applyAlignment="1">
      <alignment horizontal="center" vertical="center" wrapText="1"/>
    </xf>
    <xf numFmtId="0" fontId="24" fillId="0" borderId="46" xfId="0" applyFont="1" applyBorder="1" applyAlignment="1">
      <alignment horizontal="center" vertical="center" textRotation="255" wrapText="1"/>
    </xf>
    <xf numFmtId="0" fontId="24" fillId="0" borderId="2" xfId="0" applyFont="1" applyBorder="1" applyAlignment="1">
      <alignment horizontal="center" vertical="center" textRotation="255" wrapText="1"/>
    </xf>
    <xf numFmtId="0" fontId="24" fillId="0" borderId="38" xfId="0" applyFont="1" applyBorder="1" applyAlignment="1">
      <alignment horizontal="center" vertical="center" textRotation="255" wrapText="1"/>
    </xf>
    <xf numFmtId="0" fontId="24" fillId="0" borderId="5" xfId="0" applyFont="1" applyBorder="1" applyAlignment="1">
      <alignment horizontal="center" vertical="center" textRotation="255" wrapText="1"/>
    </xf>
    <xf numFmtId="0" fontId="24" fillId="0" borderId="43" xfId="0" applyFont="1" applyBorder="1" applyAlignment="1">
      <alignment horizontal="center" vertical="center" textRotation="255" wrapText="1"/>
    </xf>
    <xf numFmtId="0" fontId="24" fillId="0" borderId="44" xfId="0" applyFont="1" applyBorder="1" applyAlignment="1">
      <alignment horizontal="center" vertical="center" textRotation="255" wrapText="1"/>
    </xf>
    <xf numFmtId="0" fontId="42" fillId="0" borderId="24" xfId="0" applyFont="1" applyBorder="1" applyAlignment="1">
      <alignment horizontal="left" vertical="center"/>
    </xf>
    <xf numFmtId="0" fontId="0" fillId="0" borderId="26" xfId="0" applyBorder="1" applyAlignment="1">
      <alignment horizontal="left" vertical="center"/>
    </xf>
    <xf numFmtId="0" fontId="4" fillId="0" borderId="24" xfId="0" applyFont="1" applyBorder="1" applyAlignment="1">
      <alignment horizontal="left" vertical="center"/>
    </xf>
    <xf numFmtId="0" fontId="42" fillId="0" borderId="4" xfId="0" applyFont="1" applyBorder="1" applyAlignment="1">
      <alignment horizontal="left" vertical="top" wrapText="1"/>
    </xf>
    <xf numFmtId="0" fontId="43" fillId="0" borderId="2" xfId="0" applyFont="1" applyBorder="1" applyAlignment="1"/>
    <xf numFmtId="0" fontId="43" fillId="0" borderId="4" xfId="0" applyFont="1" applyBorder="1" applyAlignment="1"/>
    <xf numFmtId="0" fontId="43" fillId="0" borderId="5" xfId="0" applyFont="1" applyBorder="1" applyAlignment="1"/>
    <xf numFmtId="0" fontId="43" fillId="0" borderId="6" xfId="0" applyFont="1" applyBorder="1" applyAlignment="1"/>
    <xf numFmtId="0" fontId="43" fillId="0" borderId="7" xfId="0" applyFont="1" applyBorder="1" applyAlignment="1"/>
    <xf numFmtId="0" fontId="5" fillId="0" borderId="34" xfId="0" applyFont="1" applyBorder="1" applyAlignment="1">
      <alignment horizontal="center" vertical="center" wrapText="1"/>
    </xf>
    <xf numFmtId="0" fontId="5" fillId="0" borderId="35" xfId="0" applyFont="1" applyBorder="1" applyAlignment="1">
      <alignment horizontal="center" vertical="center" wrapText="1"/>
    </xf>
    <xf numFmtId="0" fontId="5" fillId="0" borderId="38" xfId="0" applyFont="1" applyBorder="1" applyAlignment="1">
      <alignment horizontal="center" vertical="center" wrapText="1"/>
    </xf>
    <xf numFmtId="0" fontId="5" fillId="0" borderId="5" xfId="0" applyFont="1" applyBorder="1" applyAlignment="1">
      <alignment horizontal="center" vertical="center" wrapText="1"/>
    </xf>
    <xf numFmtId="0" fontId="5" fillId="0" borderId="39" xfId="0" applyFont="1" applyBorder="1" applyAlignment="1">
      <alignment horizontal="center" vertical="center" wrapText="1"/>
    </xf>
    <xf numFmtId="0" fontId="5" fillId="0" borderId="7" xfId="0" applyFont="1" applyBorder="1" applyAlignment="1">
      <alignment horizontal="center" vertical="center" wrapText="1"/>
    </xf>
    <xf numFmtId="0" fontId="42" fillId="0" borderId="3" xfId="0" applyFont="1" applyBorder="1" applyAlignment="1">
      <alignment horizontal="left" vertical="center"/>
    </xf>
    <xf numFmtId="0" fontId="43" fillId="0" borderId="3" xfId="0" applyFont="1" applyBorder="1" applyAlignment="1">
      <alignment horizontal="left" vertical="center"/>
    </xf>
    <xf numFmtId="0" fontId="4" fillId="0" borderId="47" xfId="0" applyFont="1" applyBorder="1" applyAlignment="1" applyProtection="1">
      <alignment horizontal="left" vertical="center" shrinkToFit="1"/>
      <protection locked="0"/>
    </xf>
    <xf numFmtId="0" fontId="4" fillId="0" borderId="8" xfId="0" applyFont="1" applyBorder="1" applyAlignment="1" applyProtection="1">
      <alignment horizontal="left" vertical="center" shrinkToFit="1"/>
      <protection locked="0"/>
    </xf>
    <xf numFmtId="0" fontId="54" fillId="0" borderId="8" xfId="0" applyFont="1" applyBorder="1" applyAlignment="1" applyProtection="1">
      <alignment horizontal="left" vertical="center" shrinkToFit="1"/>
      <protection locked="0"/>
    </xf>
    <xf numFmtId="0" fontId="54" fillId="0" borderId="49" xfId="0" applyFont="1" applyBorder="1" applyAlignment="1" applyProtection="1">
      <alignment horizontal="left" vertical="center" shrinkToFit="1"/>
      <protection locked="0"/>
    </xf>
    <xf numFmtId="0" fontId="54" fillId="0" borderId="4" xfId="0" applyFont="1" applyBorder="1" applyAlignment="1" applyProtection="1">
      <alignment horizontal="left" vertical="center" shrinkToFit="1"/>
      <protection locked="0"/>
    </xf>
    <xf numFmtId="0" fontId="54" fillId="0" borderId="0" xfId="0" applyFont="1" applyAlignment="1" applyProtection="1">
      <alignment horizontal="left" vertical="center" shrinkToFit="1"/>
      <protection locked="0"/>
    </xf>
    <xf numFmtId="0" fontId="54" fillId="0" borderId="23" xfId="0" applyFont="1" applyBorder="1" applyAlignment="1" applyProtection="1">
      <alignment horizontal="left" vertical="center" shrinkToFit="1"/>
      <protection locked="0"/>
    </xf>
    <xf numFmtId="0" fontId="4" fillId="0" borderId="6" xfId="0" applyFont="1" applyBorder="1" applyAlignment="1" applyProtection="1">
      <alignment horizontal="left" vertical="center" shrinkToFit="1"/>
      <protection locked="0"/>
    </xf>
    <xf numFmtId="0" fontId="52" fillId="0" borderId="8" xfId="0" applyFont="1" applyBorder="1" applyAlignment="1">
      <alignment horizontal="center" vertical="center"/>
    </xf>
    <xf numFmtId="0" fontId="38" fillId="0" borderId="8" xfId="0" applyFont="1" applyBorder="1" applyAlignment="1">
      <alignment horizontal="center" vertical="center"/>
    </xf>
    <xf numFmtId="0" fontId="54" fillId="0" borderId="25" xfId="0" applyFont="1" applyBorder="1" applyAlignment="1" applyProtection="1">
      <alignment horizontal="center" vertical="center" shrinkToFit="1"/>
      <protection locked="0"/>
    </xf>
    <xf numFmtId="0" fontId="4" fillId="0" borderId="24" xfId="0" applyFont="1" applyBorder="1" applyAlignment="1" applyProtection="1">
      <alignment horizontal="left" vertical="center" shrinkToFit="1"/>
      <protection locked="0"/>
    </xf>
    <xf numFmtId="0" fontId="4" fillId="0" borderId="31" xfId="0" applyFont="1" applyBorder="1" applyAlignment="1" applyProtection="1">
      <alignment horizontal="left" vertical="center" shrinkToFit="1"/>
      <protection locked="0"/>
    </xf>
    <xf numFmtId="0" fontId="5" fillId="0" borderId="34" xfId="0" applyFont="1" applyBorder="1" applyAlignment="1">
      <alignment horizontal="center" vertical="center" textRotation="255" wrapText="1"/>
    </xf>
    <xf numFmtId="0" fontId="5" fillId="0" borderId="35" xfId="0" applyFont="1" applyBorder="1" applyAlignment="1">
      <alignment horizontal="center" vertical="center" textRotation="255" wrapText="1"/>
    </xf>
    <xf numFmtId="0" fontId="5" fillId="0" borderId="38" xfId="0" applyFont="1" applyBorder="1" applyAlignment="1">
      <alignment horizontal="center" vertical="center" textRotation="255" wrapText="1"/>
    </xf>
    <xf numFmtId="0" fontId="38" fillId="0" borderId="30" xfId="0" applyFont="1" applyBorder="1">
      <alignment vertical="center"/>
    </xf>
    <xf numFmtId="0" fontId="42" fillId="0" borderId="30" xfId="0" applyFont="1" applyBorder="1" applyAlignment="1">
      <alignment horizontal="left" vertical="center"/>
    </xf>
    <xf numFmtId="0" fontId="0" fillId="0" borderId="30" xfId="0" applyBorder="1" applyAlignment="1">
      <alignment horizontal="left" vertical="center"/>
    </xf>
    <xf numFmtId="0" fontId="4" fillId="0" borderId="36" xfId="0" applyFont="1" applyBorder="1" applyAlignment="1" applyProtection="1">
      <alignment horizontal="left" vertical="top" wrapText="1"/>
      <protection locked="0"/>
    </xf>
    <xf numFmtId="0" fontId="60" fillId="0" borderId="19" xfId="0" applyFont="1" applyBorder="1" applyAlignment="1" applyProtection="1">
      <alignment horizontal="left" vertical="top" wrapText="1"/>
      <protection locked="0"/>
    </xf>
    <xf numFmtId="0" fontId="60" fillId="0" borderId="20" xfId="0" applyFont="1" applyBorder="1" applyAlignment="1" applyProtection="1">
      <alignment horizontal="left" vertical="top" wrapText="1"/>
      <protection locked="0"/>
    </xf>
    <xf numFmtId="0" fontId="0" fillId="0" borderId="4" xfId="0" applyBorder="1" applyAlignment="1" applyProtection="1">
      <alignment horizontal="left" vertical="top" wrapText="1"/>
      <protection locked="0"/>
    </xf>
    <xf numFmtId="0" fontId="0" fillId="0" borderId="0" xfId="0" applyAlignment="1" applyProtection="1">
      <alignment horizontal="left" vertical="top" wrapText="1"/>
      <protection locked="0"/>
    </xf>
    <xf numFmtId="0" fontId="0" fillId="0" borderId="23" xfId="0" applyBorder="1" applyAlignment="1" applyProtection="1">
      <alignment horizontal="left" vertical="top" wrapText="1"/>
      <protection locked="0"/>
    </xf>
    <xf numFmtId="0" fontId="0" fillId="0" borderId="6" xfId="0" applyBorder="1" applyAlignment="1" applyProtection="1">
      <alignment horizontal="left" vertical="top" wrapText="1"/>
      <protection locked="0"/>
    </xf>
    <xf numFmtId="0" fontId="0" fillId="0" borderId="8" xfId="0" applyBorder="1" applyAlignment="1" applyProtection="1">
      <alignment horizontal="left" vertical="top" wrapText="1"/>
      <protection locked="0"/>
    </xf>
    <xf numFmtId="0" fontId="0" fillId="0" borderId="49" xfId="0" applyBorder="1" applyAlignment="1" applyProtection="1">
      <alignment horizontal="left" vertical="top" wrapText="1"/>
      <protection locked="0"/>
    </xf>
    <xf numFmtId="0" fontId="54" fillId="0" borderId="31" xfId="0" applyFont="1" applyBorder="1" applyAlignment="1" applyProtection="1">
      <alignment horizontal="left" vertical="center"/>
      <protection locked="0"/>
    </xf>
    <xf numFmtId="0" fontId="0" fillId="0" borderId="31" xfId="0" applyBorder="1" applyAlignment="1" applyProtection="1">
      <alignment horizontal="left" vertical="center"/>
      <protection locked="0"/>
    </xf>
    <xf numFmtId="0" fontId="5" fillId="0" borderId="9" xfId="0" applyFont="1" applyBorder="1" applyAlignment="1">
      <alignment horizontal="center" vertical="center"/>
    </xf>
    <xf numFmtId="0" fontId="4" fillId="0" borderId="10" xfId="0" applyFont="1"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10" fillId="0" borderId="18" xfId="0" applyFont="1" applyBorder="1" applyAlignment="1" applyProtection="1">
      <alignment horizontal="center" vertical="center" shrinkToFit="1"/>
      <protection locked="0"/>
    </xf>
    <xf numFmtId="0" fontId="0" fillId="0" borderId="16" xfId="0" applyBorder="1" applyAlignment="1" applyProtection="1">
      <alignment horizontal="center" vertical="center" shrinkToFit="1"/>
      <protection locked="0"/>
    </xf>
    <xf numFmtId="0" fontId="10" fillId="0" borderId="16" xfId="0" quotePrefix="1" applyFont="1" applyBorder="1" applyAlignment="1" applyProtection="1">
      <alignment horizontal="center" vertical="center" shrinkToFit="1"/>
      <protection locked="0"/>
    </xf>
    <xf numFmtId="0" fontId="4" fillId="0" borderId="12" xfId="0" applyFont="1" applyBorder="1" applyAlignment="1" applyProtection="1">
      <alignment horizontal="center" vertical="center" shrinkToFit="1"/>
      <protection locked="0"/>
    </xf>
    <xf numFmtId="0" fontId="54" fillId="0" borderId="10" xfId="0" applyFont="1" applyBorder="1" applyAlignment="1" applyProtection="1">
      <alignment horizontal="center" vertical="center" shrinkToFit="1"/>
      <protection locked="0"/>
    </xf>
    <xf numFmtId="0" fontId="4" fillId="0" borderId="10" xfId="0" applyFont="1" applyBorder="1" applyAlignment="1" applyProtection="1">
      <alignment horizontal="center" vertical="center" shrinkToFit="1"/>
      <protection locked="0"/>
    </xf>
    <xf numFmtId="0" fontId="14" fillId="0" borderId="9" xfId="0" applyFont="1" applyBorder="1" applyAlignment="1">
      <alignment horizontal="center" vertical="center"/>
    </xf>
    <xf numFmtId="0" fontId="14" fillId="0" borderId="10" xfId="0" applyFont="1" applyBorder="1" applyAlignment="1">
      <alignment horizontal="center" vertical="center"/>
    </xf>
    <xf numFmtId="0" fontId="14" fillId="0" borderId="11" xfId="0" applyFont="1" applyBorder="1" applyAlignment="1">
      <alignment horizontal="center" vertical="center"/>
    </xf>
    <xf numFmtId="0" fontId="10" fillId="0" borderId="12" xfId="0" applyFont="1" applyBorder="1" applyAlignment="1">
      <alignment horizontal="center" vertical="center"/>
    </xf>
    <xf numFmtId="0" fontId="10" fillId="0" borderId="10" xfId="0" applyFont="1" applyBorder="1" applyAlignment="1">
      <alignment horizontal="center" vertical="center"/>
    </xf>
    <xf numFmtId="0" fontId="10" fillId="0" borderId="11" xfId="0" applyFont="1" applyBorder="1" applyAlignment="1">
      <alignment horizontal="center" vertical="center"/>
    </xf>
    <xf numFmtId="0" fontId="12" fillId="0" borderId="14" xfId="0" applyFont="1" applyBorder="1" applyAlignment="1">
      <alignment horizontal="center" vertical="center" textRotation="255" wrapText="1"/>
    </xf>
    <xf numFmtId="0" fontId="12" fillId="0" borderId="15" xfId="0" applyFont="1" applyBorder="1" applyAlignment="1">
      <alignment horizontal="center" vertical="center" textRotation="255" wrapText="1"/>
    </xf>
    <xf numFmtId="0" fontId="12" fillId="0" borderId="21" xfId="0" applyFont="1" applyBorder="1" applyAlignment="1">
      <alignment horizontal="center" vertical="center" textRotation="255" wrapText="1"/>
    </xf>
    <xf numFmtId="0" fontId="12" fillId="0" borderId="22" xfId="0" applyFont="1" applyBorder="1" applyAlignment="1">
      <alignment horizontal="center" vertical="center" textRotation="255" wrapText="1"/>
    </xf>
    <xf numFmtId="0" fontId="15" fillId="0" borderId="28" xfId="0" applyFont="1" applyBorder="1" applyAlignment="1">
      <alignment horizontal="center" vertical="center" textRotation="255" wrapText="1"/>
    </xf>
    <xf numFmtId="0" fontId="15" fillId="0" borderId="29" xfId="0" applyFont="1" applyBorder="1" applyAlignment="1">
      <alignment horizontal="center" vertical="center" textRotation="255" wrapText="1"/>
    </xf>
    <xf numFmtId="0" fontId="12" fillId="0" borderId="16" xfId="0" applyFont="1" applyBorder="1" applyAlignment="1">
      <alignment horizontal="center" vertical="center"/>
    </xf>
    <xf numFmtId="0" fontId="15" fillId="0" borderId="17" xfId="0" applyFont="1" applyBorder="1" applyAlignment="1">
      <alignment horizontal="center" vertical="center"/>
    </xf>
    <xf numFmtId="0" fontId="6" fillId="0" borderId="10" xfId="0" applyFont="1" applyBorder="1" applyAlignment="1">
      <alignment horizontal="left" vertical="center" wrapText="1"/>
    </xf>
    <xf numFmtId="0" fontId="0" fillId="0" borderId="10" xfId="0" applyBorder="1" applyAlignment="1">
      <alignment horizontal="left" vertical="center" wrapText="1"/>
    </xf>
    <xf numFmtId="0" fontId="10" fillId="0" borderId="13" xfId="0" applyFont="1" applyBorder="1" applyAlignment="1">
      <alignment horizontal="center" vertical="center"/>
    </xf>
    <xf numFmtId="0" fontId="17" fillId="0" borderId="18" xfId="0" applyFont="1" applyBorder="1" applyAlignment="1">
      <alignment horizontal="center" vertical="center"/>
    </xf>
    <xf numFmtId="0" fontId="17" fillId="0" borderId="16" xfId="0" applyFont="1" applyBorder="1" applyAlignment="1">
      <alignment horizontal="center" vertical="center"/>
    </xf>
    <xf numFmtId="0" fontId="17" fillId="0" borderId="17" xfId="0" applyFont="1" applyBorder="1" applyAlignment="1">
      <alignment horizontal="center" vertical="center"/>
    </xf>
    <xf numFmtId="0" fontId="12" fillId="0" borderId="22" xfId="0" applyFont="1" applyBorder="1" applyAlignment="1">
      <alignment horizontal="center" vertical="center"/>
    </xf>
    <xf numFmtId="0" fontId="15" fillId="0" borderId="22" xfId="0" applyFont="1" applyBorder="1" applyAlignment="1">
      <alignment horizontal="center" vertical="center"/>
    </xf>
    <xf numFmtId="0" fontId="15" fillId="0" borderId="29" xfId="0" applyFont="1" applyBorder="1" applyAlignment="1">
      <alignment horizontal="center" vertical="center"/>
    </xf>
    <xf numFmtId="0" fontId="7" fillId="0" borderId="3" xfId="0" applyFont="1" applyBorder="1" applyAlignment="1">
      <alignment horizontal="center" vertical="center"/>
    </xf>
    <xf numFmtId="0" fontId="51" fillId="0" borderId="3" xfId="0" applyFont="1" applyBorder="1" applyAlignment="1">
      <alignment horizontal="center" vertical="center"/>
    </xf>
    <xf numFmtId="0" fontId="51" fillId="0" borderId="2" xfId="0" applyFont="1" applyBorder="1" applyAlignment="1">
      <alignment horizontal="center" vertical="center"/>
    </xf>
    <xf numFmtId="0" fontId="51" fillId="0" borderId="0" xfId="0" applyFont="1" applyAlignment="1">
      <alignment horizontal="center" vertical="center"/>
    </xf>
    <xf numFmtId="0" fontId="51" fillId="0" borderId="5" xfId="0" applyFont="1" applyBorder="1" applyAlignment="1">
      <alignment horizontal="center" vertical="center"/>
    </xf>
    <xf numFmtId="0" fontId="0" fillId="0" borderId="8" xfId="0" applyBorder="1">
      <alignment vertical="center"/>
    </xf>
    <xf numFmtId="0" fontId="0" fillId="0" borderId="7" xfId="0" applyBorder="1">
      <alignment vertical="center"/>
    </xf>
    <xf numFmtId="0" fontId="38" fillId="0" borderId="24" xfId="0" applyFont="1" applyBorder="1">
      <alignment vertical="center"/>
    </xf>
    <xf numFmtId="0" fontId="38" fillId="0" borderId="25" xfId="0" applyFont="1" applyBorder="1">
      <alignment vertical="center"/>
    </xf>
    <xf numFmtId="0" fontId="38" fillId="0" borderId="26" xfId="0" applyFont="1" applyBorder="1">
      <alignment vertical="center"/>
    </xf>
    <xf numFmtId="0" fontId="4" fillId="0" borderId="12" xfId="0" applyFont="1" applyBorder="1" applyAlignment="1" applyProtection="1">
      <alignment horizontal="left" vertical="center"/>
      <protection locked="0"/>
    </xf>
    <xf numFmtId="0" fontId="0" fillId="0" borderId="10" xfId="0" applyBorder="1" applyAlignment="1" applyProtection="1">
      <alignment horizontal="left" vertical="center"/>
      <protection locked="0"/>
    </xf>
    <xf numFmtId="0" fontId="0" fillId="0" borderId="13" xfId="0" applyBorder="1" applyAlignment="1" applyProtection="1">
      <alignment horizontal="left" vertical="center"/>
      <protection locked="0"/>
    </xf>
    <xf numFmtId="0" fontId="15" fillId="0" borderId="22" xfId="0" applyFont="1" applyBorder="1" applyAlignment="1">
      <alignment horizontal="center"/>
    </xf>
    <xf numFmtId="0" fontId="0" fillId="0" borderId="22" xfId="0" applyBorder="1" applyAlignment="1"/>
    <xf numFmtId="0" fontId="24" fillId="0" borderId="34" xfId="0" applyFont="1" applyBorder="1" applyAlignment="1">
      <alignment horizontal="center" vertical="center" textRotation="255" wrapText="1"/>
    </xf>
    <xf numFmtId="0" fontId="24" fillId="0" borderId="35" xfId="0" applyFont="1" applyBorder="1" applyAlignment="1">
      <alignment horizontal="center" vertical="center" textRotation="255" wrapText="1"/>
    </xf>
    <xf numFmtId="0" fontId="32" fillId="0" borderId="18" xfId="0" applyFont="1" applyBorder="1" applyAlignment="1">
      <alignment horizontal="left" vertical="center"/>
    </xf>
    <xf numFmtId="0" fontId="31" fillId="0" borderId="16" xfId="0" applyFont="1" applyBorder="1" applyAlignment="1">
      <alignment horizontal="left" vertical="center"/>
    </xf>
    <xf numFmtId="0" fontId="31" fillId="0" borderId="17" xfId="0" applyFont="1" applyBorder="1" applyAlignment="1">
      <alignment horizontal="left" vertical="center"/>
    </xf>
    <xf numFmtId="0" fontId="31" fillId="0" borderId="37" xfId="0" applyFont="1" applyBorder="1" applyAlignment="1">
      <alignment horizontal="left" vertical="center"/>
    </xf>
    <xf numFmtId="0" fontId="23" fillId="0" borderId="46" xfId="0" applyFont="1" applyBorder="1" applyAlignment="1">
      <alignment horizontal="center" vertical="center" textRotation="255" wrapText="1"/>
    </xf>
    <xf numFmtId="0" fontId="23" fillId="0" borderId="2" xfId="0" applyFont="1" applyBorder="1" applyAlignment="1">
      <alignment horizontal="center" vertical="center" textRotation="255" wrapText="1"/>
    </xf>
    <xf numFmtId="0" fontId="23" fillId="0" borderId="43" xfId="0" applyFont="1" applyBorder="1" applyAlignment="1">
      <alignment horizontal="center" vertical="center" textRotation="255" wrapText="1"/>
    </xf>
    <xf numFmtId="0" fontId="23" fillId="0" borderId="44" xfId="0" applyFont="1" applyBorder="1" applyAlignment="1">
      <alignment horizontal="center" vertical="center" textRotation="255" wrapText="1"/>
    </xf>
    <xf numFmtId="0" fontId="18" fillId="0" borderId="24" xfId="0" applyFont="1" applyBorder="1" applyAlignment="1">
      <alignment horizontal="center" vertical="center"/>
    </xf>
    <xf numFmtId="0" fontId="18" fillId="0" borderId="25" xfId="0" applyFont="1" applyBorder="1" applyAlignment="1">
      <alignment horizontal="center" vertical="center"/>
    </xf>
    <xf numFmtId="0" fontId="18" fillId="0" borderId="26" xfId="0" applyFont="1" applyBorder="1" applyAlignment="1">
      <alignment horizontal="center" vertical="center"/>
    </xf>
    <xf numFmtId="0" fontId="18" fillId="0" borderId="27" xfId="0" applyFont="1" applyBorder="1" applyAlignment="1">
      <alignment horizontal="center" vertical="center"/>
    </xf>
    <xf numFmtId="0" fontId="18" fillId="0" borderId="30" xfId="0" applyFont="1" applyBorder="1" applyAlignment="1">
      <alignment horizontal="left" vertical="center"/>
    </xf>
    <xf numFmtId="0" fontId="18" fillId="0" borderId="31" xfId="0" applyFont="1" applyBorder="1" applyAlignment="1">
      <alignment horizontal="left" vertical="center"/>
    </xf>
    <xf numFmtId="0" fontId="0" fillId="0" borderId="32" xfId="0" applyBorder="1" applyAlignment="1">
      <alignment horizontal="left" vertical="center"/>
    </xf>
    <xf numFmtId="0" fontId="15" fillId="0" borderId="31" xfId="0" applyFont="1" applyBorder="1" applyAlignment="1">
      <alignment horizontal="left" vertical="center"/>
    </xf>
    <xf numFmtId="0" fontId="0" fillId="0" borderId="33" xfId="0" applyBorder="1" applyAlignment="1">
      <alignment horizontal="left" vertical="center"/>
    </xf>
    <xf numFmtId="0" fontId="32" fillId="0" borderId="16" xfId="0" applyFont="1" applyBorder="1" applyAlignment="1">
      <alignment horizontal="left" vertical="center"/>
    </xf>
    <xf numFmtId="0" fontId="29" fillId="0" borderId="16" xfId="0" applyFont="1" applyBorder="1" applyAlignment="1">
      <alignment horizontal="left" vertical="center"/>
    </xf>
    <xf numFmtId="0" fontId="0" fillId="0" borderId="16" xfId="0" applyBorder="1" applyAlignment="1">
      <alignment horizontal="left" vertical="center"/>
    </xf>
    <xf numFmtId="0" fontId="0" fillId="0" borderId="37" xfId="0" applyBorder="1" applyAlignment="1">
      <alignment horizontal="left" vertical="center"/>
    </xf>
    <xf numFmtId="0" fontId="32" fillId="0" borderId="25" xfId="0" applyFont="1" applyBorder="1" applyAlignment="1">
      <alignment horizontal="left" vertical="center"/>
    </xf>
    <xf numFmtId="0" fontId="31" fillId="0" borderId="25" xfId="0" applyFont="1" applyBorder="1" applyAlignment="1">
      <alignment horizontal="left" vertical="center"/>
    </xf>
    <xf numFmtId="0" fontId="31" fillId="0" borderId="27" xfId="0" applyFont="1" applyBorder="1" applyAlignment="1">
      <alignment horizontal="left" vertical="center"/>
    </xf>
    <xf numFmtId="0" fontId="32" fillId="0" borderId="31" xfId="0" applyFont="1" applyBorder="1" applyAlignment="1">
      <alignment horizontal="left" vertical="center"/>
    </xf>
    <xf numFmtId="0" fontId="31" fillId="0" borderId="31" xfId="0" applyFont="1" applyBorder="1" applyAlignment="1">
      <alignment horizontal="left" vertical="center"/>
    </xf>
    <xf numFmtId="0" fontId="31" fillId="0" borderId="33" xfId="0" applyFont="1" applyBorder="1" applyAlignment="1">
      <alignment horizontal="left" vertical="center"/>
    </xf>
    <xf numFmtId="0" fontId="20" fillId="0" borderId="16" xfId="0" applyFont="1" applyBorder="1" applyAlignment="1">
      <alignment horizontal="right" vertical="center"/>
    </xf>
    <xf numFmtId="0" fontId="0" fillId="0" borderId="16" xfId="0" applyBorder="1" applyAlignment="1">
      <alignment horizontal="right" vertical="center"/>
    </xf>
    <xf numFmtId="0" fontId="29" fillId="0" borderId="16" xfId="0" applyFont="1" applyBorder="1" applyAlignment="1">
      <alignment horizontal="right" vertical="center"/>
    </xf>
    <xf numFmtId="0" fontId="0" fillId="0" borderId="37" xfId="0" applyBorder="1" applyAlignment="1">
      <alignment horizontal="right" vertical="center"/>
    </xf>
    <xf numFmtId="0" fontId="10" fillId="0" borderId="25" xfId="0" applyFont="1" applyBorder="1" applyAlignment="1">
      <alignment horizontal="left" vertical="center"/>
    </xf>
    <xf numFmtId="0" fontId="0" fillId="0" borderId="25" xfId="0" applyBorder="1" applyAlignment="1">
      <alignment horizontal="left" vertical="center"/>
    </xf>
    <xf numFmtId="0" fontId="0" fillId="0" borderId="27" xfId="0" applyBorder="1" applyAlignment="1">
      <alignment horizontal="left" vertical="center"/>
    </xf>
    <xf numFmtId="0" fontId="10" fillId="0" borderId="31" xfId="0" applyFont="1" applyBorder="1" applyAlignment="1">
      <alignment horizontal="left" vertical="center"/>
    </xf>
    <xf numFmtId="0" fontId="12" fillId="0" borderId="34" xfId="0" applyFont="1" applyBorder="1" applyAlignment="1">
      <alignment horizontal="center" vertical="center" textRotation="255" wrapText="1"/>
    </xf>
    <xf numFmtId="0" fontId="12" fillId="0" borderId="39" xfId="0" applyFont="1" applyBorder="1" applyAlignment="1">
      <alignment horizontal="center" vertical="center" textRotation="255" wrapText="1"/>
    </xf>
    <xf numFmtId="0" fontId="12" fillId="0" borderId="7" xfId="0" applyFont="1" applyBorder="1" applyAlignment="1">
      <alignment horizontal="center" vertical="center" textRotation="255" wrapText="1"/>
    </xf>
    <xf numFmtId="0" fontId="10" fillId="0" borderId="3" xfId="0" applyFont="1" applyBorder="1" applyAlignment="1">
      <alignment horizontal="left" vertical="center"/>
    </xf>
    <xf numFmtId="0" fontId="15" fillId="0" borderId="3" xfId="0" applyFont="1" applyBorder="1" applyAlignment="1">
      <alignment horizontal="left" vertical="center"/>
    </xf>
    <xf numFmtId="0" fontId="10" fillId="0" borderId="3" xfId="0" applyFont="1" applyBorder="1" applyAlignment="1">
      <alignment horizontal="left" vertical="center" wrapText="1"/>
    </xf>
    <xf numFmtId="0" fontId="15" fillId="0" borderId="47" xfId="0" applyFont="1" applyBorder="1" applyAlignment="1">
      <alignment horizontal="left" vertical="center"/>
    </xf>
    <xf numFmtId="0" fontId="32" fillId="0" borderId="0" xfId="0" applyFont="1" applyAlignment="1">
      <alignment horizontal="left" vertical="center"/>
    </xf>
    <xf numFmtId="0" fontId="31" fillId="0" borderId="0" xfId="0" applyFont="1" applyAlignment="1">
      <alignment horizontal="left" vertical="center"/>
    </xf>
    <xf numFmtId="0" fontId="31" fillId="0" borderId="23" xfId="0" applyFont="1" applyBorder="1" applyAlignment="1">
      <alignment horizontal="left" vertical="center"/>
    </xf>
    <xf numFmtId="0" fontId="32" fillId="0" borderId="8" xfId="0" applyFont="1" applyBorder="1" applyAlignment="1">
      <alignment horizontal="center" vertical="center"/>
    </xf>
    <xf numFmtId="0" fontId="31" fillId="0" borderId="8" xfId="0" applyFont="1" applyBorder="1">
      <alignment vertical="center"/>
    </xf>
    <xf numFmtId="0" fontId="32" fillId="0" borderId="8" xfId="0" applyFont="1" applyBorder="1" applyAlignment="1">
      <alignment horizontal="left" vertical="center"/>
    </xf>
    <xf numFmtId="0" fontId="31" fillId="0" borderId="8" xfId="0" applyFont="1" applyBorder="1" applyAlignment="1">
      <alignment horizontal="left" vertical="center"/>
    </xf>
    <xf numFmtId="0" fontId="31" fillId="0" borderId="49" xfId="0" applyFont="1" applyBorder="1" applyAlignment="1">
      <alignment horizontal="left" vertical="center"/>
    </xf>
    <xf numFmtId="0" fontId="32" fillId="0" borderId="18" xfId="0" applyFont="1" applyBorder="1" applyAlignment="1">
      <alignment horizontal="center" vertical="center"/>
    </xf>
    <xf numFmtId="0" fontId="31" fillId="0" borderId="16" xfId="0" applyFont="1" applyBorder="1">
      <alignment vertical="center"/>
    </xf>
    <xf numFmtId="0" fontId="32" fillId="0" borderId="16" xfId="0" quotePrefix="1" applyFont="1" applyBorder="1" applyAlignment="1">
      <alignment horizontal="center" vertical="center"/>
    </xf>
    <xf numFmtId="0" fontId="31" fillId="0" borderId="16" xfId="0" applyFont="1" applyBorder="1" applyAlignment="1">
      <alignment horizontal="center" vertical="center"/>
    </xf>
    <xf numFmtId="0" fontId="18" fillId="0" borderId="24" xfId="0" applyFont="1" applyBorder="1">
      <alignment vertical="center"/>
    </xf>
    <xf numFmtId="0" fontId="18" fillId="0" borderId="25" xfId="0" applyFont="1" applyBorder="1">
      <alignment vertical="center"/>
    </xf>
    <xf numFmtId="0" fontId="18" fillId="0" borderId="26" xfId="0" applyFont="1" applyBorder="1">
      <alignment vertical="center"/>
    </xf>
    <xf numFmtId="0" fontId="32" fillId="0" borderId="25" xfId="0" applyFont="1" applyBorder="1" applyAlignment="1">
      <alignment horizontal="center" vertical="center"/>
    </xf>
    <xf numFmtId="0" fontId="31" fillId="0" borderId="25" xfId="0" applyFont="1" applyBorder="1" applyAlignment="1">
      <alignment horizontal="center" vertical="center"/>
    </xf>
    <xf numFmtId="0" fontId="10" fillId="0" borderId="25" xfId="0" applyFont="1" applyBorder="1" applyAlignment="1">
      <alignment horizontal="center" vertical="center"/>
    </xf>
    <xf numFmtId="0" fontId="0" fillId="0" borderId="25" xfId="0" applyBorder="1" applyAlignment="1">
      <alignment horizontal="center" vertical="center"/>
    </xf>
    <xf numFmtId="0" fontId="32" fillId="0" borderId="16" xfId="0" quotePrefix="1" applyFont="1" applyBorder="1" applyAlignment="1">
      <alignment horizontal="left" vertical="center"/>
    </xf>
    <xf numFmtId="0" fontId="17" fillId="0" borderId="3" xfId="0" applyFont="1" applyBorder="1" applyAlignment="1">
      <alignment horizontal="center" vertical="center"/>
    </xf>
    <xf numFmtId="0" fontId="17" fillId="0" borderId="2" xfId="0" applyFont="1" applyBorder="1" applyAlignment="1">
      <alignment horizontal="center" vertical="center"/>
    </xf>
    <xf numFmtId="0" fontId="17" fillId="0" borderId="0" xfId="0" applyFont="1" applyAlignment="1">
      <alignment horizontal="center" vertical="center"/>
    </xf>
    <xf numFmtId="0" fontId="17" fillId="0" borderId="5" xfId="0" applyFont="1" applyBorder="1" applyAlignment="1">
      <alignment horizontal="center" vertical="center"/>
    </xf>
    <xf numFmtId="0" fontId="15" fillId="0" borderId="8" xfId="0" applyFont="1" applyBorder="1">
      <alignment vertical="center"/>
    </xf>
    <xf numFmtId="0" fontId="15" fillId="0" borderId="7" xfId="0" applyFont="1" applyBorder="1">
      <alignment vertical="center"/>
    </xf>
    <xf numFmtId="0" fontId="32" fillId="0" borderId="3" xfId="0" applyFont="1" applyBorder="1" applyAlignment="1">
      <alignment horizontal="center" vertical="center"/>
    </xf>
    <xf numFmtId="0" fontId="31" fillId="0" borderId="3" xfId="0" applyFont="1" applyBorder="1" applyAlignment="1">
      <alignment horizontal="center" vertical="center"/>
    </xf>
    <xf numFmtId="0" fontId="32" fillId="0" borderId="3" xfId="0" applyFont="1" applyBorder="1" applyAlignment="1">
      <alignment horizontal="left" vertical="center"/>
    </xf>
    <xf numFmtId="0" fontId="31" fillId="0" borderId="3" xfId="0" applyFont="1" applyBorder="1" applyAlignment="1">
      <alignment horizontal="left" vertical="center"/>
    </xf>
    <xf numFmtId="0" fontId="10" fillId="0" borderId="8" xfId="0" applyFont="1" applyBorder="1" applyAlignment="1">
      <alignment horizontal="left" vertical="center"/>
    </xf>
    <xf numFmtId="0" fontId="0" fillId="0" borderId="8" xfId="0" applyBorder="1" applyAlignment="1">
      <alignment horizontal="left" vertical="center"/>
    </xf>
    <xf numFmtId="0" fontId="0" fillId="0" borderId="49" xfId="0" applyBorder="1" applyAlignment="1">
      <alignment horizontal="left" vertical="center"/>
    </xf>
    <xf numFmtId="0" fontId="10" fillId="0" borderId="0" xfId="0" applyFont="1" applyAlignment="1">
      <alignment horizontal="center" vertical="center"/>
    </xf>
    <xf numFmtId="0" fontId="10" fillId="0" borderId="3" xfId="0" applyFont="1" applyBorder="1" applyAlignment="1">
      <alignment horizontal="center" vertical="center"/>
    </xf>
    <xf numFmtId="0" fontId="31" fillId="0" borderId="7" xfId="0" applyFont="1" applyBorder="1" applyAlignment="1">
      <alignment horizontal="left" vertical="center"/>
    </xf>
    <xf numFmtId="0" fontId="12" fillId="0" borderId="9" xfId="0" applyFont="1" applyBorder="1" applyAlignment="1">
      <alignment horizontal="center" vertical="center"/>
    </xf>
    <xf numFmtId="0" fontId="15" fillId="0" borderId="10" xfId="0" applyFont="1" applyBorder="1" applyAlignment="1">
      <alignment horizontal="center" vertical="center"/>
    </xf>
    <xf numFmtId="0" fontId="15" fillId="0" borderId="11" xfId="0" applyFont="1" applyBorder="1" applyAlignment="1">
      <alignment horizontal="center" vertical="center"/>
    </xf>
    <xf numFmtId="0" fontId="34" fillId="0" borderId="12" xfId="0" quotePrefix="1" applyFont="1" applyBorder="1" applyAlignment="1">
      <alignment horizontal="center" vertical="center"/>
    </xf>
    <xf numFmtId="0" fontId="35" fillId="0" borderId="10" xfId="0" applyFont="1" applyBorder="1" applyAlignment="1">
      <alignment horizontal="center" vertical="center"/>
    </xf>
    <xf numFmtId="0" fontId="34" fillId="0" borderId="10" xfId="0" quotePrefix="1" applyFont="1" applyBorder="1" applyAlignment="1">
      <alignment horizontal="center" vertical="center"/>
    </xf>
    <xf numFmtId="0" fontId="12" fillId="0" borderId="12" xfId="0" applyFont="1" applyBorder="1" applyAlignment="1">
      <alignment horizontal="center" vertical="center"/>
    </xf>
    <xf numFmtId="0" fontId="12" fillId="0" borderId="10" xfId="0" applyFont="1" applyBorder="1" applyAlignment="1">
      <alignment horizontal="center" vertical="center"/>
    </xf>
    <xf numFmtId="0" fontId="12" fillId="0" borderId="11" xfId="0" applyFont="1" applyBorder="1" applyAlignment="1">
      <alignment horizontal="center" vertical="center"/>
    </xf>
    <xf numFmtId="0" fontId="32" fillId="0" borderId="12" xfId="0" applyFont="1" applyBorder="1" applyAlignment="1">
      <alignment horizontal="center" vertical="center"/>
    </xf>
    <xf numFmtId="0" fontId="31" fillId="0" borderId="10" xfId="0" applyFont="1" applyBorder="1" applyAlignment="1">
      <alignment horizontal="center" vertical="center"/>
    </xf>
    <xf numFmtId="0" fontId="31" fillId="0" borderId="13" xfId="0" applyFont="1" applyBorder="1" applyAlignment="1">
      <alignment horizontal="center" vertical="center"/>
    </xf>
    <xf numFmtId="0" fontId="34" fillId="0" borderId="0" xfId="0" quotePrefix="1" applyFont="1" applyAlignment="1">
      <alignment horizontal="center" vertical="center"/>
    </xf>
    <xf numFmtId="0" fontId="31" fillId="0" borderId="0" xfId="0" applyFont="1" applyAlignment="1">
      <alignment horizontal="center" vertical="center"/>
    </xf>
    <xf numFmtId="0" fontId="34" fillId="0" borderId="0" xfId="0" applyFont="1" applyAlignment="1">
      <alignment horizontal="center" vertical="center"/>
    </xf>
    <xf numFmtId="0" fontId="12" fillId="0" borderId="1" xfId="0" applyFont="1" applyBorder="1" applyAlignment="1">
      <alignment horizontal="center" vertical="center" textRotation="255" wrapText="1"/>
    </xf>
    <xf numFmtId="0" fontId="12" fillId="0" borderId="2" xfId="0" applyFont="1" applyBorder="1" applyAlignment="1">
      <alignment horizontal="center" vertical="center" textRotation="255" wrapText="1"/>
    </xf>
    <xf numFmtId="0" fontId="12" fillId="0" borderId="4" xfId="0" applyFont="1" applyBorder="1" applyAlignment="1">
      <alignment horizontal="center" vertical="center" textRotation="255" wrapText="1"/>
    </xf>
    <xf numFmtId="0" fontId="15" fillId="0" borderId="6" xfId="0" applyFont="1" applyBorder="1" applyAlignment="1">
      <alignment horizontal="center" vertical="center"/>
    </xf>
    <xf numFmtId="0" fontId="15" fillId="0" borderId="7" xfId="0" applyFont="1" applyBorder="1" applyAlignment="1">
      <alignment horizontal="center" vertical="center"/>
    </xf>
    <xf numFmtId="0" fontId="32" fillId="0" borderId="3" xfId="0" applyFont="1" applyBorder="1" applyAlignment="1">
      <alignment vertical="center" wrapText="1"/>
    </xf>
    <xf numFmtId="0" fontId="31" fillId="0" borderId="3" xfId="0" applyFont="1" applyBorder="1">
      <alignment vertical="center"/>
    </xf>
    <xf numFmtId="0" fontId="31" fillId="0" borderId="2" xfId="0" applyFont="1" applyBorder="1">
      <alignment vertical="center"/>
    </xf>
    <xf numFmtId="0" fontId="33" fillId="0" borderId="0" xfId="0" applyFont="1" applyAlignment="1">
      <alignment horizontal="left" vertical="center"/>
    </xf>
    <xf numFmtId="0" fontId="33" fillId="0" borderId="5" xfId="0" applyFont="1" applyBorder="1" applyAlignment="1">
      <alignment horizontal="left" vertical="center"/>
    </xf>
    <xf numFmtId="0" fontId="32" fillId="0" borderId="0" xfId="0" applyFont="1">
      <alignment vertical="center"/>
    </xf>
    <xf numFmtId="0" fontId="31" fillId="0" borderId="0" xfId="0" applyFont="1">
      <alignment vertical="center"/>
    </xf>
    <xf numFmtId="0" fontId="31" fillId="0" borderId="5" xfId="0" applyFont="1" applyBorder="1">
      <alignment vertical="center"/>
    </xf>
    <xf numFmtId="0" fontId="33" fillId="0" borderId="0" xfId="0" applyFont="1">
      <alignment vertical="center"/>
    </xf>
    <xf numFmtId="0" fontId="33" fillId="0" borderId="5" xfId="0" applyFont="1" applyBorder="1">
      <alignment vertical="center"/>
    </xf>
    <xf numFmtId="0" fontId="0" fillId="0" borderId="0" xfId="0">
      <alignment vertical="center"/>
    </xf>
    <xf numFmtId="0" fontId="0" fillId="0" borderId="5" xfId="0" applyBorder="1">
      <alignment vertical="center"/>
    </xf>
    <xf numFmtId="0" fontId="5" fillId="0" borderId="12" xfId="0" applyFont="1" applyBorder="1" applyAlignment="1">
      <alignment horizontal="center" vertical="center"/>
    </xf>
    <xf numFmtId="0" fontId="5" fillId="0" borderId="10" xfId="0" applyFont="1" applyBorder="1" applyAlignment="1">
      <alignment horizontal="center" vertical="center"/>
    </xf>
    <xf numFmtId="0" fontId="5" fillId="0" borderId="11"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Radio" checked="Checked" firstButton="1" lockText="1" noThreeD="1"/>
</file>

<file path=xl/ctrlProps/ctrlProp10.xml><?xml version="1.0" encoding="utf-8"?>
<formControlPr xmlns="http://schemas.microsoft.com/office/spreadsheetml/2009/9/main" objectType="Radio" checked="Checked" lockText="1" noThreeD="1"/>
</file>

<file path=xl/ctrlProps/ctrlProp11.xml><?xml version="1.0" encoding="utf-8"?>
<formControlPr xmlns="http://schemas.microsoft.com/office/spreadsheetml/2009/9/main" objectType="GBox"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Radio" lockText="1" noThreeD="1"/>
</file>

<file path=xl/ctrlProps/ctrlProp14.xml><?xml version="1.0" encoding="utf-8"?>
<formControlPr xmlns="http://schemas.microsoft.com/office/spreadsheetml/2009/9/main" objectType="GBox" noThreeD="1"/>
</file>

<file path=xl/ctrlProps/ctrlProp15.xml><?xml version="1.0" encoding="utf-8"?>
<formControlPr xmlns="http://schemas.microsoft.com/office/spreadsheetml/2009/9/main" objectType="Radio" checked="Checked" firstButton="1" lockText="1" noThreeD="1"/>
</file>

<file path=xl/ctrlProps/ctrlProp16.xml><?xml version="1.0" encoding="utf-8"?>
<formControlPr xmlns="http://schemas.microsoft.com/office/spreadsheetml/2009/9/main" objectType="Radio"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Radio"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GBox" noThreeD="1"/>
</file>

<file path=xl/ctrlProps/ctrlProp25.xml><?xml version="1.0" encoding="utf-8"?>
<formControlPr xmlns="http://schemas.microsoft.com/office/spreadsheetml/2009/9/main" objectType="Radio" firstButton="1" lockText="1" noThreeD="1"/>
</file>

<file path=xl/ctrlProps/ctrlProp26.xml><?xml version="1.0" encoding="utf-8"?>
<formControlPr xmlns="http://schemas.microsoft.com/office/spreadsheetml/2009/9/main" objectType="Radio" checked="Checked" lockText="1" noThreeD="1"/>
</file>

<file path=xl/ctrlProps/ctrlProp27.xml><?xml version="1.0" encoding="utf-8"?>
<formControlPr xmlns="http://schemas.microsoft.com/office/spreadsheetml/2009/9/main" objectType="Radio" lockText="1" noThreeD="1"/>
</file>

<file path=xl/ctrlProps/ctrlProp28.xml><?xml version="1.0" encoding="utf-8"?>
<formControlPr xmlns="http://schemas.microsoft.com/office/spreadsheetml/2009/9/main" objectType="Radio" lockText="1" noThreeD="1"/>
</file>

<file path=xl/ctrlProps/ctrlProp29.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Radio" lockText="1" noThreeD="1"/>
</file>

<file path=xl/ctrlProps/ctrlProp30.xml><?xml version="1.0" encoding="utf-8"?>
<formControlPr xmlns="http://schemas.microsoft.com/office/spreadsheetml/2009/9/main" objectType="Radio" firstButton="1" lockText="1" noThreeD="1"/>
</file>

<file path=xl/ctrlProps/ctrlProp31.xml><?xml version="1.0" encoding="utf-8"?>
<formControlPr xmlns="http://schemas.microsoft.com/office/spreadsheetml/2009/9/main" objectType="Radio" checked="Checked" lockText="1" noThreeD="1"/>
</file>

<file path=xl/ctrlProps/ctrlProp32.xml><?xml version="1.0" encoding="utf-8"?>
<formControlPr xmlns="http://schemas.microsoft.com/office/spreadsheetml/2009/9/main" objectType="GBox" noThreeD="1"/>
</file>

<file path=xl/ctrlProps/ctrlProp33.xml><?xml version="1.0" encoding="utf-8"?>
<formControlPr xmlns="http://schemas.microsoft.com/office/spreadsheetml/2009/9/main" objectType="GBox" noThreeD="1"/>
</file>

<file path=xl/ctrlProps/ctrlProp34.xml><?xml version="1.0" encoding="utf-8"?>
<formControlPr xmlns="http://schemas.microsoft.com/office/spreadsheetml/2009/9/main" objectType="CheckBox" checked="Checked"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checked="Checked" lockText="1" noThreeD="1"/>
</file>

<file path=xl/ctrlProps/ctrlProp37.xml><?xml version="1.0" encoding="utf-8"?>
<formControlPr xmlns="http://schemas.microsoft.com/office/spreadsheetml/2009/9/main" objectType="CheckBox" checked="Checked"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Radio"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Radio" firstButton="1" lockText="1" noThreeD="1"/>
</file>

<file path=xl/ctrlProps/ctrlProp42.xml><?xml version="1.0" encoding="utf-8"?>
<formControlPr xmlns="http://schemas.microsoft.com/office/spreadsheetml/2009/9/main" objectType="Radio" checked="Checked" lockText="1" noThreeD="1"/>
</file>

<file path=xl/ctrlProps/ctrlProp43.xml><?xml version="1.0" encoding="utf-8"?>
<formControlPr xmlns="http://schemas.microsoft.com/office/spreadsheetml/2009/9/main" objectType="GBox"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GBox" noThreeD="1"/>
</file>

<file path=xl/ctrlProps/ctrlProp5.xml><?xml version="1.0" encoding="utf-8"?>
<formControlPr xmlns="http://schemas.microsoft.com/office/spreadsheetml/2009/9/main" objectType="Radio" firstButton="1" lockText="1" noThreeD="1"/>
</file>

<file path=xl/ctrlProps/ctrlProp6.xml><?xml version="1.0" encoding="utf-8"?>
<formControlPr xmlns="http://schemas.microsoft.com/office/spreadsheetml/2009/9/main" objectType="Radio" checked="Checked" lockText="1" noThreeD="1"/>
</file>

<file path=xl/ctrlProps/ctrlProp7.xml><?xml version="1.0" encoding="utf-8"?>
<formControlPr xmlns="http://schemas.microsoft.com/office/spreadsheetml/2009/9/main" objectType="GBox" noThreeD="1"/>
</file>

<file path=xl/ctrlProps/ctrlProp8.xml><?xml version="1.0" encoding="utf-8"?>
<formControlPr xmlns="http://schemas.microsoft.com/office/spreadsheetml/2009/9/main" objectType="GBox" noThreeD="1"/>
</file>

<file path=xl/ctrlProps/ctrlProp9.xml><?xml version="1.0" encoding="utf-8"?>
<formControlPr xmlns="http://schemas.microsoft.com/office/spreadsheetml/2009/9/main" objectType="Radio" firstButton="1"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9</xdr:col>
      <xdr:colOff>123825</xdr:colOff>
      <xdr:row>1</xdr:row>
      <xdr:rowOff>228600</xdr:rowOff>
    </xdr:from>
    <xdr:to>
      <xdr:col>19</xdr:col>
      <xdr:colOff>123825</xdr:colOff>
      <xdr:row>1</xdr:row>
      <xdr:rowOff>228600</xdr:rowOff>
    </xdr:to>
    <xdr:sp macro="" textlink="">
      <xdr:nvSpPr>
        <xdr:cNvPr id="10" name="Line 18">
          <a:extLst>
            <a:ext uri="{FF2B5EF4-FFF2-40B4-BE49-F238E27FC236}">
              <a16:creationId xmlns:a16="http://schemas.microsoft.com/office/drawing/2014/main" id="{00000000-0008-0000-0000-00000A000000}"/>
            </a:ext>
          </a:extLst>
        </xdr:cNvPr>
        <xdr:cNvSpPr>
          <a:spLocks noChangeShapeType="1"/>
        </xdr:cNvSpPr>
      </xdr:nvSpPr>
      <xdr:spPr bwMode="auto">
        <a:xfrm>
          <a:off x="3819525" y="4286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142875</xdr:colOff>
      <xdr:row>36</xdr:row>
      <xdr:rowOff>228600</xdr:rowOff>
    </xdr:from>
    <xdr:to>
      <xdr:col>17</xdr:col>
      <xdr:colOff>142875</xdr:colOff>
      <xdr:row>38</xdr:row>
      <xdr:rowOff>9525</xdr:rowOff>
    </xdr:to>
    <xdr:sp macro="" textlink="">
      <xdr:nvSpPr>
        <xdr:cNvPr id="14" name="Text Box 28">
          <a:extLst>
            <a:ext uri="{FF2B5EF4-FFF2-40B4-BE49-F238E27FC236}">
              <a16:creationId xmlns:a16="http://schemas.microsoft.com/office/drawing/2014/main" id="{00000000-0008-0000-0000-00000E000000}"/>
            </a:ext>
          </a:extLst>
        </xdr:cNvPr>
        <xdr:cNvSpPr txBox="1">
          <a:spLocks noChangeArrowheads="1"/>
        </xdr:cNvSpPr>
      </xdr:nvSpPr>
      <xdr:spPr bwMode="auto">
        <a:xfrm>
          <a:off x="1238250" y="8001000"/>
          <a:ext cx="2200275" cy="161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同梱品選択してください</a:t>
          </a:r>
        </a:p>
      </xdr:txBody>
    </xdr:sp>
    <xdr:clientData/>
  </xdr:twoCellAnchor>
  <xdr:twoCellAnchor>
    <xdr:from>
      <xdr:col>6</xdr:col>
      <xdr:colOff>76200</xdr:colOff>
      <xdr:row>37</xdr:row>
      <xdr:rowOff>0</xdr:rowOff>
    </xdr:from>
    <xdr:to>
      <xdr:col>6</xdr:col>
      <xdr:colOff>76200</xdr:colOff>
      <xdr:row>37</xdr:row>
      <xdr:rowOff>66675</xdr:rowOff>
    </xdr:to>
    <xdr:sp macro="" textlink="">
      <xdr:nvSpPr>
        <xdr:cNvPr id="16" name="Line 30">
          <a:extLst>
            <a:ext uri="{FF2B5EF4-FFF2-40B4-BE49-F238E27FC236}">
              <a16:creationId xmlns:a16="http://schemas.microsoft.com/office/drawing/2014/main" id="{00000000-0008-0000-0000-000010000000}"/>
            </a:ext>
          </a:extLst>
        </xdr:cNvPr>
        <xdr:cNvSpPr>
          <a:spLocks noChangeShapeType="1"/>
        </xdr:cNvSpPr>
      </xdr:nvSpPr>
      <xdr:spPr bwMode="auto">
        <a:xfrm flipV="1">
          <a:off x="1171575" y="8010525"/>
          <a:ext cx="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0</xdr:colOff>
      <xdr:row>6</xdr:row>
      <xdr:rowOff>619125</xdr:rowOff>
    </xdr:from>
    <xdr:to>
      <xdr:col>38</xdr:col>
      <xdr:colOff>323850</xdr:colOff>
      <xdr:row>8</xdr:row>
      <xdr:rowOff>266700</xdr:rowOff>
    </xdr:to>
    <xdr:sp macro="" textlink="">
      <xdr:nvSpPr>
        <xdr:cNvPr id="22" name="Text Box 2">
          <a:extLst>
            <a:ext uri="{FF2B5EF4-FFF2-40B4-BE49-F238E27FC236}">
              <a16:creationId xmlns:a16="http://schemas.microsoft.com/office/drawing/2014/main" id="{00000000-0008-0000-0000-000016000000}"/>
            </a:ext>
          </a:extLst>
        </xdr:cNvPr>
        <xdr:cNvSpPr txBox="1">
          <a:spLocks noChangeArrowheads="1"/>
        </xdr:cNvSpPr>
      </xdr:nvSpPr>
      <xdr:spPr bwMode="auto">
        <a:xfrm>
          <a:off x="95250" y="1504950"/>
          <a:ext cx="7724775" cy="276225"/>
        </a:xfrm>
        <a:prstGeom prst="rect">
          <a:avLst/>
        </a:prstGeom>
        <a:solidFill>
          <a:srgbClr xmlns:mc="http://schemas.openxmlformats.org/markup-compatibility/2006" xmlns:a14="http://schemas.microsoft.com/office/drawing/2010/main" val="FFFFFF" mc:Ignorable="a14" a14:legacySpreadsheetColorIndex="9"/>
        </a:solidFill>
        <a:ln w="38100" cmpd="dbl">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32004" rIns="45720" bIns="0" anchor="t" upright="1"/>
        <a:lstStyle/>
        <a:p>
          <a:pPr algn="l" rtl="0">
            <a:defRPr sz="1000"/>
          </a:pPr>
          <a:r>
            <a:rPr lang="ja-JP" altLang="en-US" sz="1400" b="1" i="0" u="none" strike="noStrike" baseline="0">
              <a:solidFill>
                <a:srgbClr val="000000"/>
              </a:solidFill>
              <a:latin typeface="ＭＳ ゴシック"/>
              <a:ea typeface="ＭＳ ゴシック"/>
            </a:rPr>
            <a:t>ピックアップ</a:t>
          </a:r>
          <a:r>
            <a:rPr lang="en-US" altLang="ja-JP" sz="1400" b="1" i="0" u="none" strike="noStrike" baseline="0">
              <a:solidFill>
                <a:srgbClr val="000000"/>
              </a:solidFill>
              <a:latin typeface="ＭＳ ゴシック"/>
              <a:ea typeface="ＭＳ ゴシック"/>
            </a:rPr>
            <a:t>(</a:t>
          </a:r>
          <a:r>
            <a:rPr lang="ja-JP" altLang="en-US" sz="1400" b="1" i="0" u="none" strike="noStrike" baseline="0">
              <a:solidFill>
                <a:srgbClr val="000000"/>
              </a:solidFill>
              <a:latin typeface="ＭＳ ゴシック"/>
              <a:ea typeface="ＭＳ ゴシック"/>
            </a:rPr>
            <a:t>修理）依頼シート　</a:t>
          </a:r>
          <a:r>
            <a:rPr lang="ja-JP" altLang="en-US" sz="1100" b="1" i="0" u="none" strike="noStrike" baseline="0">
              <a:solidFill>
                <a:srgbClr val="000000"/>
              </a:solidFill>
              <a:latin typeface="ＭＳ ゴシック"/>
              <a:ea typeface="ＭＳ ゴシック"/>
            </a:rPr>
            <a:t>複数台同時集荷　　</a:t>
          </a:r>
          <a:r>
            <a:rPr lang="ja-JP" altLang="en-US" sz="1400" b="1" i="0" u="none" strike="noStrike" baseline="0">
              <a:solidFill>
                <a:srgbClr val="000000"/>
              </a:solidFill>
              <a:latin typeface="ＭＳ ゴシック"/>
              <a:ea typeface="ＭＳ ゴシック"/>
            </a:rPr>
            <a:t>　　　　</a:t>
          </a:r>
          <a:r>
            <a:rPr lang="en-US" altLang="ja-JP" sz="800" b="1" i="0" u="none" strike="noStrike" baseline="0">
              <a:solidFill>
                <a:srgbClr val="000000"/>
              </a:solidFill>
              <a:latin typeface="ＭＳ ゴシック"/>
              <a:ea typeface="ＭＳ ゴシック"/>
            </a:rPr>
            <a:t>※</a:t>
          </a:r>
          <a:r>
            <a:rPr lang="ja-JP" altLang="en-US" sz="800" b="1" i="0" u="none" strike="noStrike" baseline="0">
              <a:solidFill>
                <a:srgbClr val="000000"/>
              </a:solidFill>
              <a:latin typeface="ＭＳ ゴシック"/>
              <a:ea typeface="ＭＳ ゴシック"/>
            </a:rPr>
            <a:t>「あり」の場合は複数台同時集荷シート記載ください</a:t>
          </a:r>
        </a:p>
      </xdr:txBody>
    </xdr:sp>
    <xdr:clientData/>
  </xdr:twoCellAnchor>
  <mc:AlternateContent xmlns:mc="http://schemas.openxmlformats.org/markup-compatibility/2006">
    <mc:Choice xmlns:a14="http://schemas.microsoft.com/office/drawing/2010/main" Requires="a14">
      <xdr:twoCellAnchor editAs="oneCell">
        <xdr:from>
          <xdr:col>6</xdr:col>
          <xdr:colOff>133350</xdr:colOff>
          <xdr:row>11</xdr:row>
          <xdr:rowOff>0</xdr:rowOff>
        </xdr:from>
        <xdr:to>
          <xdr:col>10</xdr:col>
          <xdr:colOff>133350</xdr:colOff>
          <xdr:row>11</xdr:row>
          <xdr:rowOff>238125</xdr:rowOff>
        </xdr:to>
        <xdr:sp macro="" textlink="">
          <xdr:nvSpPr>
            <xdr:cNvPr id="1034" name="Option Button 10" hidden="1">
              <a:extLst>
                <a:ext uri="{63B3BB69-23CF-44E3-9099-C40C66FF867C}">
                  <a14:compatExt spid="_x0000_s1034"/>
                </a:ext>
                <a:ext uri="{FF2B5EF4-FFF2-40B4-BE49-F238E27FC236}">
                  <a16:creationId xmlns:a16="http://schemas.microsoft.com/office/drawing/2014/main" id="{00000000-0008-0000-00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指定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14300</xdr:colOff>
          <xdr:row>11</xdr:row>
          <xdr:rowOff>0</xdr:rowOff>
        </xdr:from>
        <xdr:to>
          <xdr:col>17</xdr:col>
          <xdr:colOff>85725</xdr:colOff>
          <xdr:row>11</xdr:row>
          <xdr:rowOff>238125</xdr:rowOff>
        </xdr:to>
        <xdr:sp macro="" textlink="">
          <xdr:nvSpPr>
            <xdr:cNvPr id="1035" name="Option Button 11" hidden="1">
              <a:extLst>
                <a:ext uri="{63B3BB69-23CF-44E3-9099-C40C66FF867C}">
                  <a14:compatExt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９：00～12：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95250</xdr:colOff>
          <xdr:row>11</xdr:row>
          <xdr:rowOff>0</xdr:rowOff>
        </xdr:from>
        <xdr:to>
          <xdr:col>24</xdr:col>
          <xdr:colOff>104775</xdr:colOff>
          <xdr:row>11</xdr:row>
          <xdr:rowOff>238125</xdr:rowOff>
        </xdr:to>
        <xdr:sp macro="" textlink="">
          <xdr:nvSpPr>
            <xdr:cNvPr id="1036" name="Option Button 12" hidden="1">
              <a:extLst>
                <a:ext uri="{63B3BB69-23CF-44E3-9099-C40C66FF867C}">
                  <a14:compatExt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2：00～15：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46050</xdr:colOff>
          <xdr:row>11</xdr:row>
          <xdr:rowOff>12700</xdr:rowOff>
        </xdr:from>
        <xdr:to>
          <xdr:col>38</xdr:col>
          <xdr:colOff>190500</xdr:colOff>
          <xdr:row>12</xdr:row>
          <xdr:rowOff>0</xdr:rowOff>
        </xdr:to>
        <xdr:sp macro="" textlink="">
          <xdr:nvSpPr>
            <xdr:cNvPr id="1038" name="Option Button 14" hidden="1">
              <a:extLst>
                <a:ext uri="{63B3BB69-23CF-44E3-9099-C40C66FF867C}">
                  <a14:compatExt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8：00～2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8</xdr:row>
          <xdr:rowOff>12700</xdr:rowOff>
        </xdr:from>
        <xdr:to>
          <xdr:col>24</xdr:col>
          <xdr:colOff>0</xdr:colOff>
          <xdr:row>8</xdr:row>
          <xdr:rowOff>247650</xdr:rowOff>
        </xdr:to>
        <xdr:sp macro="" textlink="">
          <xdr:nvSpPr>
            <xdr:cNvPr id="1039" name="Option Button 15" hidden="1">
              <a:extLst>
                <a:ext uri="{63B3BB69-23CF-44E3-9099-C40C66FF867C}">
                  <a14:compatExt spid="_x0000_s1039"/>
                </a:ext>
                <a:ext uri="{FF2B5EF4-FFF2-40B4-BE49-F238E27FC236}">
                  <a16:creationId xmlns:a16="http://schemas.microsoft.com/office/drawing/2014/main" id="{00000000-0008-0000-00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84150</xdr:colOff>
          <xdr:row>8</xdr:row>
          <xdr:rowOff>12700</xdr:rowOff>
        </xdr:from>
        <xdr:to>
          <xdr:col>25</xdr:col>
          <xdr:colOff>180975</xdr:colOff>
          <xdr:row>8</xdr:row>
          <xdr:rowOff>247650</xdr:rowOff>
        </xdr:to>
        <xdr:sp macro="" textlink="">
          <xdr:nvSpPr>
            <xdr:cNvPr id="1040" name="Option Button 16" hidden="1">
              <a:extLst>
                <a:ext uri="{63B3BB69-23CF-44E3-9099-C40C66FF867C}">
                  <a14:compatExt spid="_x0000_s1040"/>
                </a:ext>
                <a:ext uri="{FF2B5EF4-FFF2-40B4-BE49-F238E27FC236}">
                  <a16:creationId xmlns:a16="http://schemas.microsoft.com/office/drawing/2014/main" id="{00000000-0008-0000-00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5100</xdr:colOff>
          <xdr:row>43</xdr:row>
          <xdr:rowOff>171450</xdr:rowOff>
        </xdr:from>
        <xdr:to>
          <xdr:col>31</xdr:col>
          <xdr:colOff>57150</xdr:colOff>
          <xdr:row>45</xdr:row>
          <xdr:rowOff>28575</xdr:rowOff>
        </xdr:to>
        <xdr:sp macro="" textlink="">
          <xdr:nvSpPr>
            <xdr:cNvPr id="1055" name="Option Button 31" hidden="1">
              <a:extLst>
                <a:ext uri="{63B3BB69-23CF-44E3-9099-C40C66FF867C}">
                  <a14:compatExt spid="_x0000_s1055"/>
                </a:ext>
                <a:ext uri="{FF2B5EF4-FFF2-40B4-BE49-F238E27FC236}">
                  <a16:creationId xmlns:a16="http://schemas.microsoft.com/office/drawing/2014/main" id="{00000000-0008-0000-0000-00001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同意する（事前承諾により、データの初期化を伴う修理の際は、「修理納期が短縮」できま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45</xdr:row>
          <xdr:rowOff>184150</xdr:rowOff>
        </xdr:from>
        <xdr:to>
          <xdr:col>38</xdr:col>
          <xdr:colOff>333375</xdr:colOff>
          <xdr:row>47</xdr:row>
          <xdr:rowOff>38100</xdr:rowOff>
        </xdr:to>
        <xdr:sp macro="" textlink="">
          <xdr:nvSpPr>
            <xdr:cNvPr id="1056" name="Option Button 32" hidden="1">
              <a:extLst>
                <a:ext uri="{63B3BB69-23CF-44E3-9099-C40C66FF867C}">
                  <a14:compatExt spid="_x0000_s1056"/>
                </a:ext>
                <a:ext uri="{FF2B5EF4-FFF2-40B4-BE49-F238E27FC236}">
                  <a16:creationId xmlns:a16="http://schemas.microsoft.com/office/drawing/2014/main" id="{00000000-0008-0000-0000-00002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同意しない(故障状況により未修理返却させていただく場合があります。メインボード(フラッシュメモリ)内のデータはメーカ保証しておりません)</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46</xdr:row>
          <xdr:rowOff>184150</xdr:rowOff>
        </xdr:from>
        <xdr:to>
          <xdr:col>27</xdr:col>
          <xdr:colOff>38100</xdr:colOff>
          <xdr:row>48</xdr:row>
          <xdr:rowOff>38100</xdr:rowOff>
        </xdr:to>
        <xdr:sp macro="" textlink="">
          <xdr:nvSpPr>
            <xdr:cNvPr id="1067" name="Check Box 43" hidden="1">
              <a:extLst>
                <a:ext uri="{63B3BB69-23CF-44E3-9099-C40C66FF867C}">
                  <a14:compatExt spid="_x0000_s1067"/>
                </a:ext>
                <a:ext uri="{FF2B5EF4-FFF2-40B4-BE49-F238E27FC236}">
                  <a16:creationId xmlns:a16="http://schemas.microsoft.com/office/drawing/2014/main" id="{00000000-0008-0000-0000-00002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データ消去時の返却先は事前登録済みの場所になります。</a:t>
              </a:r>
            </a:p>
          </xdr:txBody>
        </xdr:sp>
        <xdr:clientData/>
      </xdr:twoCellAnchor>
    </mc:Choice>
    <mc:Fallback/>
  </mc:AlternateContent>
  <xdr:twoCellAnchor>
    <xdr:from>
      <xdr:col>19</xdr:col>
      <xdr:colOff>123825</xdr:colOff>
      <xdr:row>1</xdr:row>
      <xdr:rowOff>228600</xdr:rowOff>
    </xdr:from>
    <xdr:to>
      <xdr:col>19</xdr:col>
      <xdr:colOff>123825</xdr:colOff>
      <xdr:row>1</xdr:row>
      <xdr:rowOff>228600</xdr:rowOff>
    </xdr:to>
    <xdr:sp macro="" textlink="">
      <xdr:nvSpPr>
        <xdr:cNvPr id="41" name="Line 18" hidden="1">
          <a:extLst>
            <a:ext uri="{FF2B5EF4-FFF2-40B4-BE49-F238E27FC236}">
              <a16:creationId xmlns:a16="http://schemas.microsoft.com/office/drawing/2014/main" id="{00000000-0008-0000-0000-000029000000}"/>
            </a:ext>
          </a:extLst>
        </xdr:cNvPr>
        <xdr:cNvSpPr>
          <a:spLocks noChangeShapeType="1"/>
        </xdr:cNvSpPr>
      </xdr:nvSpPr>
      <xdr:spPr bwMode="auto">
        <a:xfrm>
          <a:off x="3819525" y="44767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mc:AlternateContent xmlns:mc="http://schemas.openxmlformats.org/markup-compatibility/2006">
    <mc:Choice xmlns:a14="http://schemas.microsoft.com/office/drawing/2010/main" Requires="a14">
      <xdr:twoCellAnchor editAs="oneCell">
        <xdr:from>
          <xdr:col>25</xdr:col>
          <xdr:colOff>12700</xdr:colOff>
          <xdr:row>11</xdr:row>
          <xdr:rowOff>0</xdr:rowOff>
        </xdr:from>
        <xdr:to>
          <xdr:col>31</xdr:col>
          <xdr:colOff>47625</xdr:colOff>
          <xdr:row>11</xdr:row>
          <xdr:rowOff>238125</xdr:rowOff>
        </xdr:to>
        <xdr:sp macro="" textlink="">
          <xdr:nvSpPr>
            <xdr:cNvPr id="1069" name="Option Button 45" hidden="1">
              <a:extLst>
                <a:ext uri="{63B3BB69-23CF-44E3-9099-C40C66FF867C}">
                  <a14:compatExt spid="_x0000_s1069"/>
                </a:ext>
                <a:ext uri="{FF2B5EF4-FFF2-40B4-BE49-F238E27FC236}">
                  <a16:creationId xmlns:a16="http://schemas.microsoft.com/office/drawing/2014/main" id="{00000000-0008-0000-0000-00002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5：00～18：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0</xdr:colOff>
          <xdr:row>18</xdr:row>
          <xdr:rowOff>228600</xdr:rowOff>
        </xdr:from>
        <xdr:to>
          <xdr:col>19</xdr:col>
          <xdr:colOff>85725</xdr:colOff>
          <xdr:row>20</xdr:row>
          <xdr:rowOff>57150</xdr:rowOff>
        </xdr:to>
        <xdr:sp macro="" textlink="">
          <xdr:nvSpPr>
            <xdr:cNvPr id="1070" name="支払い方法" hidden="1">
              <a:extLst>
                <a:ext uri="{63B3BB69-23CF-44E3-9099-C40C66FF867C}">
                  <a14:compatExt spid="_x0000_s1070"/>
                </a:ext>
                <a:ext uri="{FF2B5EF4-FFF2-40B4-BE49-F238E27FC236}">
                  <a16:creationId xmlns:a16="http://schemas.microsoft.com/office/drawing/2014/main" id="{00000000-0008-0000-0000-00002E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4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0500</xdr:colOff>
          <xdr:row>18</xdr:row>
          <xdr:rowOff>241300</xdr:rowOff>
        </xdr:from>
        <xdr:to>
          <xdr:col>11</xdr:col>
          <xdr:colOff>104775</xdr:colOff>
          <xdr:row>19</xdr:row>
          <xdr:rowOff>238125</xdr:rowOff>
        </xdr:to>
        <xdr:sp macro="" textlink="">
          <xdr:nvSpPr>
            <xdr:cNvPr id="1071" name="支払い：振込み" hidden="1">
              <a:extLst>
                <a:ext uri="{63B3BB69-23CF-44E3-9099-C40C66FF867C}">
                  <a14:compatExt spid="_x0000_s1071"/>
                </a:ext>
                <a:ext uri="{FF2B5EF4-FFF2-40B4-BE49-F238E27FC236}">
                  <a16:creationId xmlns:a16="http://schemas.microsoft.com/office/drawing/2014/main" id="{00000000-0008-0000-0000-00002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振込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19</xdr:row>
          <xdr:rowOff>0</xdr:rowOff>
        </xdr:from>
        <xdr:to>
          <xdr:col>15</xdr:col>
          <xdr:colOff>133350</xdr:colOff>
          <xdr:row>20</xdr:row>
          <xdr:rowOff>0</xdr:rowOff>
        </xdr:to>
        <xdr:sp macro="" textlink="">
          <xdr:nvSpPr>
            <xdr:cNvPr id="1072" name="支払い;代引き" hidden="1">
              <a:extLst>
                <a:ext uri="{63B3BB69-23CF-44E3-9099-C40C66FF867C}">
                  <a14:compatExt spid="_x0000_s1072"/>
                </a:ext>
                <a:ext uri="{FF2B5EF4-FFF2-40B4-BE49-F238E27FC236}">
                  <a16:creationId xmlns:a16="http://schemas.microsoft.com/office/drawing/2014/main" id="{00000000-0008-0000-0000-00003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代引き</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1750</xdr:colOff>
          <xdr:row>35</xdr:row>
          <xdr:rowOff>12700</xdr:rowOff>
        </xdr:from>
        <xdr:to>
          <xdr:col>8</xdr:col>
          <xdr:colOff>142875</xdr:colOff>
          <xdr:row>36</xdr:row>
          <xdr:rowOff>19050</xdr:rowOff>
        </xdr:to>
        <xdr:sp macro="" textlink="">
          <xdr:nvSpPr>
            <xdr:cNvPr id="1074" name="Check Box 50" hidden="1">
              <a:extLst>
                <a:ext uri="{63B3BB69-23CF-44E3-9099-C40C66FF867C}">
                  <a14:compatExt spid="_x0000_s1074"/>
                </a:ext>
                <a:ext uri="{FF2B5EF4-FFF2-40B4-BE49-F238E27FC236}">
                  <a16:creationId xmlns:a16="http://schemas.microsoft.com/office/drawing/2014/main" id="{00000000-0008-0000-0000-00003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修理依頼シー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1750</xdr:colOff>
          <xdr:row>34</xdr:row>
          <xdr:rowOff>412750</xdr:rowOff>
        </xdr:from>
        <xdr:to>
          <xdr:col>13</xdr:col>
          <xdr:colOff>133350</xdr:colOff>
          <xdr:row>36</xdr:row>
          <xdr:rowOff>9525</xdr:rowOff>
        </xdr:to>
        <xdr:sp macro="" textlink="">
          <xdr:nvSpPr>
            <xdr:cNvPr id="1075" name="Check Box 51" hidden="1">
              <a:extLst>
                <a:ext uri="{63B3BB69-23CF-44E3-9099-C40C66FF867C}">
                  <a14:compatExt spid="_x0000_s1075"/>
                </a:ext>
                <a:ext uri="{FF2B5EF4-FFF2-40B4-BE49-F238E27FC236}">
                  <a16:creationId xmlns:a16="http://schemas.microsoft.com/office/drawing/2014/main" id="{00000000-0008-0000-0000-00003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2.保証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31750</xdr:colOff>
          <xdr:row>34</xdr:row>
          <xdr:rowOff>412750</xdr:rowOff>
        </xdr:from>
        <xdr:to>
          <xdr:col>22</xdr:col>
          <xdr:colOff>38100</xdr:colOff>
          <xdr:row>36</xdr:row>
          <xdr:rowOff>9525</xdr:rowOff>
        </xdr:to>
        <xdr:sp macro="" textlink="">
          <xdr:nvSpPr>
            <xdr:cNvPr id="1076" name="Check Box 52" hidden="1">
              <a:extLst>
                <a:ext uri="{63B3BB69-23CF-44E3-9099-C40C66FF867C}">
                  <a14:compatExt spid="_x0000_s1076"/>
                </a:ext>
                <a:ext uri="{FF2B5EF4-FFF2-40B4-BE49-F238E27FC236}">
                  <a16:creationId xmlns:a16="http://schemas.microsoft.com/office/drawing/2014/main" id="{00000000-0008-0000-0000-00003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3.ACコー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38100</xdr:colOff>
          <xdr:row>34</xdr:row>
          <xdr:rowOff>412750</xdr:rowOff>
        </xdr:from>
        <xdr:to>
          <xdr:col>29</xdr:col>
          <xdr:colOff>142875</xdr:colOff>
          <xdr:row>36</xdr:row>
          <xdr:rowOff>9525</xdr:rowOff>
        </xdr:to>
        <xdr:sp macro="" textlink="">
          <xdr:nvSpPr>
            <xdr:cNvPr id="1077" name="Check Box 53" hidden="1">
              <a:extLst>
                <a:ext uri="{63B3BB69-23CF-44E3-9099-C40C66FF867C}">
                  <a14:compatExt spid="_x0000_s1077"/>
                </a:ext>
                <a:ext uri="{FF2B5EF4-FFF2-40B4-BE49-F238E27FC236}">
                  <a16:creationId xmlns:a16="http://schemas.microsoft.com/office/drawing/2014/main" id="{00000000-0008-0000-0000-00003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4.ACアダプ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9050</xdr:colOff>
          <xdr:row>34</xdr:row>
          <xdr:rowOff>412750</xdr:rowOff>
        </xdr:from>
        <xdr:to>
          <xdr:col>35</xdr:col>
          <xdr:colOff>66675</xdr:colOff>
          <xdr:row>36</xdr:row>
          <xdr:rowOff>9525</xdr:rowOff>
        </xdr:to>
        <xdr:sp macro="" textlink="">
          <xdr:nvSpPr>
            <xdr:cNvPr id="1078" name="Check Box 54" hidden="1">
              <a:extLst>
                <a:ext uri="{63B3BB69-23CF-44E3-9099-C40C66FF867C}">
                  <a14:compatExt spid="_x0000_s1078"/>
                </a:ext>
                <a:ext uri="{FF2B5EF4-FFF2-40B4-BE49-F238E27FC236}">
                  <a16:creationId xmlns:a16="http://schemas.microsoft.com/office/drawing/2014/main" id="{00000000-0008-0000-0000-00003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5.マウ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6</xdr:row>
          <xdr:rowOff>0</xdr:rowOff>
        </xdr:from>
        <xdr:to>
          <xdr:col>9</xdr:col>
          <xdr:colOff>123825</xdr:colOff>
          <xdr:row>37</xdr:row>
          <xdr:rowOff>9525</xdr:rowOff>
        </xdr:to>
        <xdr:sp macro="" textlink="">
          <xdr:nvSpPr>
            <xdr:cNvPr id="1079" name="Check Box 55" hidden="1">
              <a:extLst>
                <a:ext uri="{63B3BB69-23CF-44E3-9099-C40C66FF867C}">
                  <a14:compatExt spid="_x0000_s1079"/>
                </a:ext>
                <a:ext uri="{FF2B5EF4-FFF2-40B4-BE49-F238E27FC236}">
                  <a16:creationId xmlns:a16="http://schemas.microsoft.com/office/drawing/2014/main" id="{00000000-0008-0000-0000-00003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6.キーボードドック</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1750</xdr:colOff>
          <xdr:row>35</xdr:row>
          <xdr:rowOff>228600</xdr:rowOff>
        </xdr:from>
        <xdr:to>
          <xdr:col>13</xdr:col>
          <xdr:colOff>180975</xdr:colOff>
          <xdr:row>37</xdr:row>
          <xdr:rowOff>0</xdr:rowOff>
        </xdr:to>
        <xdr:sp macro="" textlink="">
          <xdr:nvSpPr>
            <xdr:cNvPr id="1080" name="Check Box 56" hidden="1">
              <a:extLst>
                <a:ext uri="{63B3BB69-23CF-44E3-9099-C40C66FF867C}">
                  <a14:compatExt spid="_x0000_s1080"/>
                </a:ext>
                <a:ext uri="{FF2B5EF4-FFF2-40B4-BE49-F238E27FC236}">
                  <a16:creationId xmlns:a16="http://schemas.microsoft.com/office/drawing/2014/main" id="{00000000-0008-0000-0000-00003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7.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44</xdr:row>
          <xdr:rowOff>12700</xdr:rowOff>
        </xdr:from>
        <xdr:to>
          <xdr:col>38</xdr:col>
          <xdr:colOff>228600</xdr:colOff>
          <xdr:row>47</xdr:row>
          <xdr:rowOff>28575</xdr:rowOff>
        </xdr:to>
        <xdr:sp macro="" textlink="">
          <xdr:nvSpPr>
            <xdr:cNvPr id="1060" name="Group Boxデータ消去" hidden="1">
              <a:extLst>
                <a:ext uri="{63B3BB69-23CF-44E3-9099-C40C66FF867C}">
                  <a14:compatExt spid="_x0000_s1060"/>
                </a:ext>
                <a:ext uri="{FF2B5EF4-FFF2-40B4-BE49-F238E27FC236}">
                  <a16:creationId xmlns:a16="http://schemas.microsoft.com/office/drawing/2014/main" id="{00000000-0008-0000-0000-000024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3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5100</xdr:colOff>
          <xdr:row>18</xdr:row>
          <xdr:rowOff>203200</xdr:rowOff>
        </xdr:from>
        <xdr:to>
          <xdr:col>19</xdr:col>
          <xdr:colOff>28575</xdr:colOff>
          <xdr:row>19</xdr:row>
          <xdr:rowOff>238125</xdr:rowOff>
        </xdr:to>
        <xdr:sp macro="" textlink="">
          <xdr:nvSpPr>
            <xdr:cNvPr id="1081" name="Group Box 支払い方法" hidden="1">
              <a:extLst>
                <a:ext uri="{63B3BB69-23CF-44E3-9099-C40C66FF867C}">
                  <a14:compatExt spid="_x0000_s1081"/>
                </a:ext>
                <a:ext uri="{FF2B5EF4-FFF2-40B4-BE49-F238E27FC236}">
                  <a16:creationId xmlns:a16="http://schemas.microsoft.com/office/drawing/2014/main" id="{00000000-0008-0000-0000-000039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1750</xdr:colOff>
          <xdr:row>10</xdr:row>
          <xdr:rowOff>203200</xdr:rowOff>
        </xdr:from>
        <xdr:to>
          <xdr:col>40</xdr:col>
          <xdr:colOff>9525</xdr:colOff>
          <xdr:row>12</xdr:row>
          <xdr:rowOff>104775</xdr:rowOff>
        </xdr:to>
        <xdr:sp macro="" textlink="">
          <xdr:nvSpPr>
            <xdr:cNvPr id="1044" name="Group Box 集荷時間" hidden="1">
              <a:extLst>
                <a:ext uri="{63B3BB69-23CF-44E3-9099-C40C66FF867C}">
                  <a14:compatExt spid="_x0000_s1044"/>
                </a:ext>
                <a:ext uri="{FF2B5EF4-FFF2-40B4-BE49-F238E27FC236}">
                  <a16:creationId xmlns:a16="http://schemas.microsoft.com/office/drawing/2014/main" id="{00000000-0008-0000-0000-000014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2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14300</xdr:colOff>
          <xdr:row>6</xdr:row>
          <xdr:rowOff>590550</xdr:rowOff>
        </xdr:from>
        <xdr:to>
          <xdr:col>28</xdr:col>
          <xdr:colOff>76200</xdr:colOff>
          <xdr:row>10</xdr:row>
          <xdr:rowOff>38100</xdr:rowOff>
        </xdr:to>
        <xdr:sp macro="" textlink="">
          <xdr:nvSpPr>
            <xdr:cNvPr id="1043" name="Group Box 複数台" descr="グループ19&#10;" hidden="1">
              <a:extLst>
                <a:ext uri="{63B3BB69-23CF-44E3-9099-C40C66FF867C}">
                  <a14:compatExt spid="_x0000_s1043"/>
                </a:ext>
                <a:ext uri="{FF2B5EF4-FFF2-40B4-BE49-F238E27FC236}">
                  <a16:creationId xmlns:a16="http://schemas.microsoft.com/office/drawing/2014/main" id="{00000000-0008-0000-0000-000013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xdr:twoCellAnchor>
    <xdr:from>
      <xdr:col>8</xdr:col>
      <xdr:colOff>161925</xdr:colOff>
      <xdr:row>12</xdr:row>
      <xdr:rowOff>19050</xdr:rowOff>
    </xdr:from>
    <xdr:to>
      <xdr:col>9</xdr:col>
      <xdr:colOff>123825</xdr:colOff>
      <xdr:row>12</xdr:row>
      <xdr:rowOff>152400</xdr:rowOff>
    </xdr:to>
    <xdr:cxnSp macro="">
      <xdr:nvCxnSpPr>
        <xdr:cNvPr id="36" name="カギ線コネクタ 8">
          <a:extLst>
            <a:ext uri="{FF2B5EF4-FFF2-40B4-BE49-F238E27FC236}">
              <a16:creationId xmlns:a16="http://schemas.microsoft.com/office/drawing/2014/main" id="{00000000-0008-0000-0000-000024000000}"/>
            </a:ext>
          </a:extLst>
        </xdr:cNvPr>
        <xdr:cNvCxnSpPr>
          <a:cxnSpLocks noChangeShapeType="1"/>
        </xdr:cNvCxnSpPr>
      </xdr:nvCxnSpPr>
      <xdr:spPr bwMode="auto">
        <a:xfrm rot="10800000">
          <a:off x="1657350" y="2438400"/>
          <a:ext cx="161925" cy="133350"/>
        </a:xfrm>
        <a:prstGeom prst="bentConnector3">
          <a:avLst>
            <a:gd name="adj1" fmla="val 100000"/>
          </a:avLst>
        </a:prstGeom>
        <a:noFill/>
        <a:ln w="9525" algn="ctr">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5</xdr:col>
      <xdr:colOff>47626</xdr:colOff>
      <xdr:row>20</xdr:row>
      <xdr:rowOff>66674</xdr:rowOff>
    </xdr:from>
    <xdr:to>
      <xdr:col>6</xdr:col>
      <xdr:colOff>114301</xdr:colOff>
      <xdr:row>21</xdr:row>
      <xdr:rowOff>47624</xdr:rowOff>
    </xdr:to>
    <xdr:cxnSp macro="">
      <xdr:nvCxnSpPr>
        <xdr:cNvPr id="25" name="カギ線コネクタ 24">
          <a:extLst>
            <a:ext uri="{FF2B5EF4-FFF2-40B4-BE49-F238E27FC236}">
              <a16:creationId xmlns:a16="http://schemas.microsoft.com/office/drawing/2014/main" id="{00000000-0008-0000-0000-000019000000}"/>
            </a:ext>
          </a:extLst>
        </xdr:cNvPr>
        <xdr:cNvCxnSpPr/>
      </xdr:nvCxnSpPr>
      <xdr:spPr>
        <a:xfrm rot="10800000" flipV="1">
          <a:off x="942976" y="5095874"/>
          <a:ext cx="266700" cy="142875"/>
        </a:xfrm>
        <a:prstGeom prst="bentConnector3">
          <a:avLst>
            <a:gd name="adj1" fmla="val 98214"/>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76201</xdr:colOff>
      <xdr:row>3</xdr:row>
      <xdr:rowOff>19050</xdr:rowOff>
    </xdr:from>
    <xdr:to>
      <xdr:col>13</xdr:col>
      <xdr:colOff>114300</xdr:colOff>
      <xdr:row>4</xdr:row>
      <xdr:rowOff>95250</xdr:rowOff>
    </xdr:to>
    <xdr:sp macro="" textlink="">
      <xdr:nvSpPr>
        <xdr:cNvPr id="2" name="Rectangle 12">
          <a:extLst>
            <a:ext uri="{FF2B5EF4-FFF2-40B4-BE49-F238E27FC236}">
              <a16:creationId xmlns:a16="http://schemas.microsoft.com/office/drawing/2014/main" id="{00000000-0008-0000-0200-000002000000}"/>
            </a:ext>
          </a:extLst>
        </xdr:cNvPr>
        <xdr:cNvSpPr>
          <a:spLocks noChangeArrowheads="1"/>
        </xdr:cNvSpPr>
      </xdr:nvSpPr>
      <xdr:spPr bwMode="auto">
        <a:xfrm>
          <a:off x="171451" y="466725"/>
          <a:ext cx="2438399" cy="26670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45720" tIns="22860" rIns="0" bIns="0" anchor="t" upright="1"/>
        <a:lstStyle/>
        <a:p>
          <a:pPr algn="l" rtl="0">
            <a:defRPr sz="1000"/>
          </a:pPr>
          <a:r>
            <a:rPr lang="en-US" altLang="ja-JP" sz="1400" b="1" i="0" u="dbl" strike="noStrike" baseline="0">
              <a:solidFill>
                <a:srgbClr val="000000"/>
              </a:solidFill>
              <a:latin typeface="Meiryo UI" panose="020B0604030504040204" pitchFamily="50" charset="-128"/>
              <a:ea typeface="Meiryo UI" panose="020B0604030504040204" pitchFamily="50" charset="-128"/>
            </a:rPr>
            <a:t>GIGA</a:t>
          </a:r>
          <a:r>
            <a:rPr lang="ja-JP" altLang="en-US" sz="1400" b="1" i="0" u="dbl" strike="noStrike" baseline="0">
              <a:solidFill>
                <a:srgbClr val="000000"/>
              </a:solidFill>
              <a:latin typeface="Meiryo UI" panose="020B0604030504040204" pitchFamily="50" charset="-128"/>
              <a:ea typeface="Meiryo UI" panose="020B0604030504040204" pitchFamily="50" charset="-128"/>
            </a:rPr>
            <a:t>スクール修理受付窓口</a:t>
          </a:r>
          <a:endParaRPr lang="ja-JP" altLang="en-US" sz="1400" b="1" i="0" u="none" strike="noStrike" baseline="0">
            <a:solidFill>
              <a:srgbClr val="000000"/>
            </a:solidFill>
            <a:latin typeface="Meiryo UI" panose="020B0604030504040204" pitchFamily="50" charset="-128"/>
            <a:ea typeface="Meiryo UI" panose="020B0604030504040204" pitchFamily="50" charset="-128"/>
          </a:endParaRPr>
        </a:p>
      </xdr:txBody>
    </xdr:sp>
    <xdr:clientData/>
  </xdr:twoCellAnchor>
  <xdr:twoCellAnchor>
    <xdr:from>
      <xdr:col>1</xdr:col>
      <xdr:colOff>0</xdr:colOff>
      <xdr:row>51</xdr:row>
      <xdr:rowOff>19051</xdr:rowOff>
    </xdr:from>
    <xdr:to>
      <xdr:col>37</xdr:col>
      <xdr:colOff>190500</xdr:colOff>
      <xdr:row>54</xdr:row>
      <xdr:rowOff>0</xdr:rowOff>
    </xdr:to>
    <xdr:sp macro="" textlink="">
      <xdr:nvSpPr>
        <xdr:cNvPr id="3" name="Text Box 3">
          <a:extLst>
            <a:ext uri="{FF2B5EF4-FFF2-40B4-BE49-F238E27FC236}">
              <a16:creationId xmlns:a16="http://schemas.microsoft.com/office/drawing/2014/main" id="{00000000-0008-0000-0200-000003000000}"/>
            </a:ext>
          </a:extLst>
        </xdr:cNvPr>
        <xdr:cNvSpPr txBox="1">
          <a:spLocks noChangeArrowheads="1"/>
        </xdr:cNvSpPr>
      </xdr:nvSpPr>
      <xdr:spPr bwMode="auto">
        <a:xfrm>
          <a:off x="95250" y="10553701"/>
          <a:ext cx="7391400" cy="695324"/>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600"/>
            </a:lnSpc>
            <a:defRPr sz="1000"/>
          </a:pPr>
          <a:r>
            <a:rPr lang="ja-JP" altLang="en-US" sz="500" b="0" i="0" u="none" strike="noStrike" baseline="0">
              <a:solidFill>
                <a:srgbClr val="000000"/>
              </a:solidFill>
              <a:latin typeface="ＭＳ ゴシック"/>
              <a:ea typeface="ＭＳ ゴシック"/>
            </a:rPr>
            <a:t>（注意）①有償の場合は、「修理費用区分：有償」欄を必ずご記入ください。</a:t>
          </a:r>
          <a:endParaRPr lang="en-US" altLang="ja-JP" sz="500" b="0" i="0" u="none" strike="noStrike" baseline="0">
            <a:solidFill>
              <a:srgbClr val="000000"/>
            </a:solidFill>
            <a:latin typeface="ＭＳ ゴシック"/>
            <a:ea typeface="ＭＳ ゴシック"/>
          </a:endParaRPr>
        </a:p>
        <a:p>
          <a:pPr algn="l" rtl="0">
            <a:lnSpc>
              <a:spcPts val="600"/>
            </a:lnSpc>
            <a:defRPr sz="1000"/>
          </a:pPr>
          <a:r>
            <a:rPr lang="ja-JP" altLang="en-US" sz="500" b="0" i="0" u="none" strike="noStrike" baseline="0">
              <a:solidFill>
                <a:srgbClr val="000000"/>
              </a:solidFill>
              <a:latin typeface="ＭＳ ゴシック"/>
              <a:ea typeface="ＭＳ ゴシック"/>
            </a:rPr>
            <a:t>　　　　②保証の場合は、必ず</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お買上日</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を記入してください。　</a:t>
          </a:r>
        </a:p>
        <a:p>
          <a:pPr algn="l" rtl="0">
            <a:lnSpc>
              <a:spcPts val="600"/>
            </a:lnSpc>
            <a:defRPr sz="1000"/>
          </a:pPr>
          <a:r>
            <a:rPr lang="ja-JP" altLang="en-US" sz="500" b="0" i="0" u="none" strike="noStrike" baseline="0">
              <a:solidFill>
                <a:srgbClr val="000000"/>
              </a:solidFill>
              <a:latin typeface="ＭＳ ゴシック"/>
              <a:ea typeface="ＭＳ ゴシック"/>
            </a:rPr>
            <a:t>　　　　③有償修理のキャンセルは、別途、送料＋診断料をご請求</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税別</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させて頂きます。ご了承ください。</a:t>
          </a:r>
          <a:endParaRPr lang="en-US" altLang="ja-JP" sz="500" b="0" i="0" u="none" strike="noStrike" baseline="0">
            <a:solidFill>
              <a:srgbClr val="000000"/>
            </a:solidFill>
            <a:latin typeface="ＭＳ ゴシック"/>
            <a:ea typeface="ＭＳ ゴシック"/>
          </a:endParaRPr>
        </a:p>
        <a:p>
          <a:pPr algn="l" rtl="0">
            <a:lnSpc>
              <a:spcPts val="600"/>
            </a:lnSpc>
            <a:defRPr sz="1000"/>
          </a:pPr>
          <a:r>
            <a:rPr lang="ja-JP" altLang="en-US" sz="500" b="0" i="0" u="none" strike="noStrike" baseline="0">
              <a:solidFill>
                <a:srgbClr val="000000"/>
              </a:solidFill>
              <a:latin typeface="ＭＳ ゴシック"/>
              <a:ea typeface="ＭＳ ゴシック"/>
            </a:rPr>
            <a:t>　　　　④データ消去時の返却先は、</a:t>
          </a:r>
          <a:r>
            <a:rPr lang="en-US" altLang="ja-JP" sz="500" b="0" i="0" u="none" strike="noStrike" baseline="0">
              <a:solidFill>
                <a:srgbClr val="000000"/>
              </a:solidFill>
              <a:latin typeface="ＭＳ ゴシック"/>
              <a:ea typeface="ＭＳ ゴシック"/>
            </a:rPr>
            <a:t>GIGA</a:t>
          </a:r>
          <a:r>
            <a:rPr lang="ja-JP" altLang="en-US" sz="500" b="0" i="0" u="none" strike="noStrike" baseline="0">
              <a:solidFill>
                <a:srgbClr val="000000"/>
              </a:solidFill>
              <a:latin typeface="ＭＳ ゴシック"/>
              <a:ea typeface="ＭＳ ゴシック"/>
            </a:rPr>
            <a:t>スクール受付センター内に事前登録が必要です。</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登録された返却先が変更になる場合は</a:t>
          </a:r>
          <a:r>
            <a:rPr lang="en-US" altLang="ja-JP" sz="500" b="0" i="0" u="none" strike="noStrike" baseline="0">
              <a:solidFill>
                <a:srgbClr val="000000"/>
              </a:solidFill>
              <a:latin typeface="ＭＳ ゴシック"/>
              <a:ea typeface="ＭＳ ゴシック"/>
            </a:rPr>
            <a:t>GIGA</a:t>
          </a:r>
          <a:r>
            <a:rPr lang="ja-JP" altLang="en-US" sz="500" b="0" i="0" u="none" strike="noStrike" baseline="0">
              <a:solidFill>
                <a:srgbClr val="000000"/>
              </a:solidFill>
              <a:latin typeface="ＭＳ ゴシック"/>
              <a:ea typeface="ＭＳ ゴシック"/>
            </a:rPr>
            <a:t>スクール受付センターまで登録変更をご用命ください。</a:t>
          </a:r>
          <a:endParaRPr lang="en-US" altLang="ja-JP" sz="500" b="0" i="0" u="none" strike="noStrike" baseline="0">
            <a:solidFill>
              <a:srgbClr val="000000"/>
            </a:solidFill>
            <a:latin typeface="ＭＳ ゴシック"/>
            <a:ea typeface="ＭＳ ゴシック"/>
          </a:endParaRPr>
        </a:p>
        <a:p>
          <a:pPr algn="l" rtl="0">
            <a:lnSpc>
              <a:spcPts val="600"/>
            </a:lnSpc>
            <a:defRPr sz="1000"/>
          </a:pPr>
          <a:r>
            <a:rPr lang="ja-JP" altLang="en-US" sz="500" b="0" i="0" u="none" strike="noStrike" baseline="0">
              <a:solidFill>
                <a:srgbClr val="000000"/>
              </a:solidFill>
              <a:latin typeface="ＭＳ ゴシック"/>
              <a:ea typeface="ＭＳ ゴシック"/>
            </a:rPr>
            <a:t>　　　　⑤</a:t>
          </a:r>
          <a:r>
            <a:rPr lang="en-US" altLang="ja-JP" sz="500" b="1" i="0" u="none" strike="noStrike" baseline="0">
              <a:solidFill>
                <a:srgbClr val="FF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は、必須項目です。漏れのないように記入をお願いいたします。</a:t>
          </a:r>
          <a:endParaRPr lang="en-US" altLang="ja-JP" sz="500" b="0" i="0" u="none" strike="noStrike" baseline="0">
            <a:solidFill>
              <a:srgbClr val="000000"/>
            </a:solidFill>
            <a:latin typeface="ＭＳ ゴシック"/>
            <a:ea typeface="ＭＳ ゴシック"/>
          </a:endParaRPr>
        </a:p>
        <a:p>
          <a:pPr algn="l" rtl="0">
            <a:lnSpc>
              <a:spcPts val="600"/>
            </a:lnSpc>
            <a:defRPr sz="1000"/>
          </a:pPr>
          <a:r>
            <a:rPr lang="ja-JP" altLang="en-US" sz="500" b="0" i="0" u="none" strike="noStrike" baseline="0">
              <a:solidFill>
                <a:srgbClr val="000000"/>
              </a:solidFill>
              <a:latin typeface="ＭＳ ゴシック"/>
              <a:ea typeface="ＭＳ ゴシック"/>
            </a:rPr>
            <a:t>　　　　</a:t>
          </a:r>
          <a:endParaRPr lang="en-US" altLang="ja-JP" sz="500" b="0" i="0" u="none" strike="noStrike" baseline="0">
            <a:solidFill>
              <a:srgbClr val="000000"/>
            </a:solidFill>
            <a:latin typeface="ＭＳ ゴシック"/>
            <a:ea typeface="ＭＳ ゴシック"/>
          </a:endParaRPr>
        </a:p>
        <a:p>
          <a:pPr algn="l" rtl="0">
            <a:lnSpc>
              <a:spcPts val="500"/>
            </a:lnSpc>
            <a:defRPr sz="1000"/>
          </a:pPr>
          <a:endParaRPr lang="ja-JP" altLang="en-US" sz="500" b="0" i="0" u="none" strike="noStrike" baseline="0">
            <a:solidFill>
              <a:srgbClr val="000000"/>
            </a:solidFill>
            <a:latin typeface="ＭＳ ゴシック"/>
            <a:ea typeface="ＭＳ ゴシック"/>
          </a:endParaRPr>
        </a:p>
        <a:p>
          <a:pPr algn="l" rtl="0">
            <a:lnSpc>
              <a:spcPts val="800"/>
            </a:lnSpc>
            <a:defRPr sz="1000"/>
          </a:pPr>
          <a:endParaRPr lang="ja-JP" altLang="en-US" sz="800" b="0" i="0" u="none" strike="noStrike" baseline="0">
            <a:solidFill>
              <a:srgbClr val="000000"/>
            </a:solidFill>
            <a:latin typeface="ＭＳ ゴシック"/>
            <a:ea typeface="ＭＳ ゴシック"/>
          </a:endParaRPr>
        </a:p>
        <a:p>
          <a:pPr algn="l" rtl="0">
            <a:lnSpc>
              <a:spcPts val="900"/>
            </a:lnSpc>
            <a:defRPr sz="1000"/>
          </a:pPr>
          <a:endParaRPr lang="ja-JP" altLang="en-US" sz="800" b="0" i="0" u="none" strike="noStrike" baseline="0">
            <a:solidFill>
              <a:srgbClr val="000000"/>
            </a:solidFill>
            <a:latin typeface="ＭＳ ゴシック"/>
            <a:ea typeface="ＭＳ ゴシック"/>
          </a:endParaRPr>
        </a:p>
      </xdr:txBody>
    </xdr:sp>
    <xdr:clientData/>
  </xdr:twoCellAnchor>
  <xdr:twoCellAnchor>
    <xdr:from>
      <xdr:col>3</xdr:col>
      <xdr:colOff>28575</xdr:colOff>
      <xdr:row>40</xdr:row>
      <xdr:rowOff>238125</xdr:rowOff>
    </xdr:from>
    <xdr:to>
      <xdr:col>38</xdr:col>
      <xdr:colOff>142875</xdr:colOff>
      <xdr:row>44</xdr:row>
      <xdr:rowOff>657225</xdr:rowOff>
    </xdr:to>
    <xdr:sp macro="" textlink="">
      <xdr:nvSpPr>
        <xdr:cNvPr id="4" name="Text Box 4">
          <a:extLst>
            <a:ext uri="{FF2B5EF4-FFF2-40B4-BE49-F238E27FC236}">
              <a16:creationId xmlns:a16="http://schemas.microsoft.com/office/drawing/2014/main" id="{00000000-0008-0000-0200-000004000000}"/>
            </a:ext>
          </a:extLst>
        </xdr:cNvPr>
        <xdr:cNvSpPr txBox="1">
          <a:spLocks noChangeArrowheads="1"/>
        </xdr:cNvSpPr>
      </xdr:nvSpPr>
      <xdr:spPr bwMode="auto">
        <a:xfrm>
          <a:off x="523875" y="8496300"/>
          <a:ext cx="7115175" cy="79057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200"/>
            </a:lnSpc>
            <a:defRPr sz="1000"/>
          </a:pPr>
          <a:r>
            <a:rPr lang="ja-JP" altLang="en-US" sz="1100" b="0" i="0" u="none" strike="noStrike" baseline="0">
              <a:solidFill>
                <a:srgbClr val="000000"/>
              </a:solidFill>
              <a:latin typeface="ＭＳ Ｐゴシック"/>
              <a:ea typeface="ＭＳ Ｐゴシック"/>
            </a:rPr>
            <a:t>　</a:t>
          </a:r>
          <a:r>
            <a:rPr lang="ja-JP" altLang="en-US" sz="1100" b="0" i="0" u="none" strike="noStrike" baseline="0">
              <a:solidFill>
                <a:srgbClr val="FF0000"/>
              </a:solidFill>
              <a:latin typeface="ＭＳ Ｐゴシック"/>
              <a:ea typeface="ＭＳ Ｐゴシック"/>
            </a:rPr>
            <a:t>画面が割れてしまった。キーボードにジュースをこぼしたら文字を打てなくなった。</a:t>
          </a:r>
        </a:p>
      </xdr:txBody>
    </xdr:sp>
    <xdr:clientData/>
  </xdr:twoCellAnchor>
  <xdr:twoCellAnchor>
    <xdr:from>
      <xdr:col>1</xdr:col>
      <xdr:colOff>9525</xdr:colOff>
      <xdr:row>52</xdr:row>
      <xdr:rowOff>172198</xdr:rowOff>
    </xdr:from>
    <xdr:to>
      <xdr:col>38</xdr:col>
      <xdr:colOff>152400</xdr:colOff>
      <xdr:row>56</xdr:row>
      <xdr:rowOff>85725</xdr:rowOff>
    </xdr:to>
    <xdr:sp macro="" textlink="">
      <xdr:nvSpPr>
        <xdr:cNvPr id="5" name="Text Box 8">
          <a:extLst>
            <a:ext uri="{FF2B5EF4-FFF2-40B4-BE49-F238E27FC236}">
              <a16:creationId xmlns:a16="http://schemas.microsoft.com/office/drawing/2014/main" id="{00000000-0008-0000-0200-000005000000}"/>
            </a:ext>
          </a:extLst>
        </xdr:cNvPr>
        <xdr:cNvSpPr txBox="1">
          <a:spLocks noChangeArrowheads="1"/>
        </xdr:cNvSpPr>
      </xdr:nvSpPr>
      <xdr:spPr bwMode="auto">
        <a:xfrm>
          <a:off x="104775" y="10983073"/>
          <a:ext cx="7543800" cy="523127"/>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en-US" altLang="ja-JP" sz="600" b="0" i="0" u="none" strike="noStrike" baseline="0">
              <a:solidFill>
                <a:srgbClr val="000000"/>
              </a:solidFill>
              <a:latin typeface="ＭＳ ゴシック"/>
              <a:ea typeface="ＭＳ ゴシック"/>
            </a:rPr>
            <a:t>[</a:t>
          </a:r>
          <a:r>
            <a:rPr lang="ja-JP" altLang="en-US" sz="600" b="0" i="0" u="none" strike="noStrike" baseline="0">
              <a:solidFill>
                <a:srgbClr val="000000"/>
              </a:solidFill>
              <a:latin typeface="ＭＳ ゴシック"/>
              <a:ea typeface="ＭＳ ゴシック"/>
            </a:rPr>
            <a:t>保守支援センターの個人情報保護について</a:t>
          </a:r>
          <a:r>
            <a:rPr lang="en-US" altLang="ja-JP" sz="600" b="0" i="0" u="none" strike="noStrike" baseline="0">
              <a:solidFill>
                <a:srgbClr val="000000"/>
              </a:solidFill>
              <a:latin typeface="ＭＳ ゴシック"/>
              <a:ea typeface="ＭＳ ゴシック"/>
            </a:rPr>
            <a:t>]</a:t>
          </a:r>
        </a:p>
        <a:p>
          <a:pPr algn="l" rtl="0">
            <a:defRPr sz="1000"/>
          </a:pPr>
          <a:r>
            <a:rPr lang="ja-JP" altLang="en-US" sz="600" b="0" i="0" u="none" strike="noStrike" baseline="0">
              <a:solidFill>
                <a:srgbClr val="000000"/>
              </a:solidFill>
              <a:latin typeface="ＭＳ ゴシック"/>
              <a:ea typeface="ＭＳ ゴシック"/>
            </a:rPr>
            <a:t>１．お客様にご記入いただいた住所などの情報は、保守サービス活動に利用させて頂く場合がございますので、ご了承下さい。</a:t>
          </a:r>
        </a:p>
        <a:p>
          <a:pPr algn="l" rtl="0">
            <a:lnSpc>
              <a:spcPts val="900"/>
            </a:lnSpc>
            <a:defRPr sz="1000"/>
          </a:pPr>
          <a:r>
            <a:rPr lang="ja-JP" altLang="en-US" sz="600" b="0" i="0" u="none" strike="noStrike" baseline="0">
              <a:solidFill>
                <a:srgbClr val="000000"/>
              </a:solidFill>
              <a:latin typeface="ＭＳ ゴシック"/>
              <a:ea typeface="ＭＳ ゴシック"/>
            </a:rPr>
            <a:t>２．当社から保守委託している保守会社等に必要な情報を預託する場合がございますが、個人情報保護法及び当社と同様の個人情報保護プログラムを遵守させますので、ご了承下さい。</a:t>
          </a:r>
        </a:p>
      </xdr:txBody>
    </xdr:sp>
    <xdr:clientData/>
  </xdr:twoCellAnchor>
  <xdr:twoCellAnchor>
    <xdr:from>
      <xdr:col>1</xdr:col>
      <xdr:colOff>9525</xdr:colOff>
      <xdr:row>55</xdr:row>
      <xdr:rowOff>0</xdr:rowOff>
    </xdr:from>
    <xdr:to>
      <xdr:col>36</xdr:col>
      <xdr:colOff>180976</xdr:colOff>
      <xdr:row>59</xdr:row>
      <xdr:rowOff>85725</xdr:rowOff>
    </xdr:to>
    <xdr:sp macro="" textlink="">
      <xdr:nvSpPr>
        <xdr:cNvPr id="6" name="Rectangle 10">
          <a:extLst>
            <a:ext uri="{FF2B5EF4-FFF2-40B4-BE49-F238E27FC236}">
              <a16:creationId xmlns:a16="http://schemas.microsoft.com/office/drawing/2014/main" id="{00000000-0008-0000-0200-000006000000}"/>
            </a:ext>
          </a:extLst>
        </xdr:cNvPr>
        <xdr:cNvSpPr>
          <a:spLocks noChangeArrowheads="1"/>
        </xdr:cNvSpPr>
      </xdr:nvSpPr>
      <xdr:spPr bwMode="auto">
        <a:xfrm flipV="1">
          <a:off x="104775" y="11334750"/>
          <a:ext cx="7172326" cy="542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600" b="0" i="0" u="none" strike="noStrike" baseline="0">
              <a:solidFill>
                <a:srgbClr val="000000"/>
              </a:solidFill>
              <a:latin typeface="ＭＳ Ｐゴシック"/>
              <a:ea typeface="ＭＳ Ｐゴシック"/>
            </a:rPr>
            <a:t>［お客様情報の取り扱いについて］　メインボード交換、初期インストール作業の場合、記録されたデータはすべて消去されます。お預かりしたお客様のデータの保証については一切責任を負いかねますので、お客様側にて事前にバックアップをお取りください。また、修理対象外の装置や記録媒体などのデータ・内容の保証についても同様ですのでお客様にて保管してください。</a:t>
          </a:r>
        </a:p>
      </xdr:txBody>
    </xdr:sp>
    <xdr:clientData/>
  </xdr:twoCellAnchor>
  <xdr:twoCellAnchor>
    <xdr:from>
      <xdr:col>17</xdr:col>
      <xdr:colOff>66675</xdr:colOff>
      <xdr:row>2</xdr:row>
      <xdr:rowOff>9525</xdr:rowOff>
    </xdr:from>
    <xdr:to>
      <xdr:col>20</xdr:col>
      <xdr:colOff>9525</xdr:colOff>
      <xdr:row>3</xdr:row>
      <xdr:rowOff>0</xdr:rowOff>
    </xdr:to>
    <xdr:sp macro="" textlink="">
      <xdr:nvSpPr>
        <xdr:cNvPr id="7" name="Rectangle 15">
          <a:extLst>
            <a:ext uri="{FF2B5EF4-FFF2-40B4-BE49-F238E27FC236}">
              <a16:creationId xmlns:a16="http://schemas.microsoft.com/office/drawing/2014/main" id="{00000000-0008-0000-0200-000007000000}"/>
            </a:ext>
          </a:extLst>
        </xdr:cNvPr>
        <xdr:cNvSpPr>
          <a:spLocks noChangeArrowheads="1"/>
        </xdr:cNvSpPr>
      </xdr:nvSpPr>
      <xdr:spPr bwMode="auto">
        <a:xfrm>
          <a:off x="3362325" y="209550"/>
          <a:ext cx="542925" cy="23812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P創英角ｺﾞｼｯｸUB"/>
              <a:ea typeface="HGP創英角ｺﾞｼｯｸUB"/>
            </a:rPr>
            <a:t>ご住所</a:t>
          </a:r>
        </a:p>
      </xdr:txBody>
    </xdr:sp>
    <xdr:clientData/>
  </xdr:twoCellAnchor>
  <xdr:twoCellAnchor>
    <xdr:from>
      <xdr:col>17</xdr:col>
      <xdr:colOff>38100</xdr:colOff>
      <xdr:row>4</xdr:row>
      <xdr:rowOff>9525</xdr:rowOff>
    </xdr:from>
    <xdr:to>
      <xdr:col>19</xdr:col>
      <xdr:colOff>180975</xdr:colOff>
      <xdr:row>5</xdr:row>
      <xdr:rowOff>0</xdr:rowOff>
    </xdr:to>
    <xdr:sp macro="" textlink="">
      <xdr:nvSpPr>
        <xdr:cNvPr id="8" name="Rectangle 16">
          <a:extLst>
            <a:ext uri="{FF2B5EF4-FFF2-40B4-BE49-F238E27FC236}">
              <a16:creationId xmlns:a16="http://schemas.microsoft.com/office/drawing/2014/main" id="{00000000-0008-0000-0200-000008000000}"/>
            </a:ext>
          </a:extLst>
        </xdr:cNvPr>
        <xdr:cNvSpPr>
          <a:spLocks noChangeArrowheads="1"/>
        </xdr:cNvSpPr>
      </xdr:nvSpPr>
      <xdr:spPr bwMode="auto">
        <a:xfrm>
          <a:off x="3333750" y="647700"/>
          <a:ext cx="542925" cy="23812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P創英角ｺﾞｼｯｸUB"/>
              <a:ea typeface="HGP創英角ｺﾞｼｯｸUB"/>
            </a:rPr>
            <a:t>会社名</a:t>
          </a:r>
        </a:p>
      </xdr:txBody>
    </xdr:sp>
    <xdr:clientData/>
  </xdr:twoCellAnchor>
  <xdr:twoCellAnchor>
    <xdr:from>
      <xdr:col>19</xdr:col>
      <xdr:colOff>123825</xdr:colOff>
      <xdr:row>2</xdr:row>
      <xdr:rowOff>228600</xdr:rowOff>
    </xdr:from>
    <xdr:to>
      <xdr:col>19</xdr:col>
      <xdr:colOff>123825</xdr:colOff>
      <xdr:row>2</xdr:row>
      <xdr:rowOff>228600</xdr:rowOff>
    </xdr:to>
    <xdr:sp macro="" textlink="">
      <xdr:nvSpPr>
        <xdr:cNvPr id="9" name="Line 18">
          <a:extLst>
            <a:ext uri="{FF2B5EF4-FFF2-40B4-BE49-F238E27FC236}">
              <a16:creationId xmlns:a16="http://schemas.microsoft.com/office/drawing/2014/main" id="{00000000-0008-0000-0200-000009000000}"/>
            </a:ext>
          </a:extLst>
        </xdr:cNvPr>
        <xdr:cNvSpPr>
          <a:spLocks noChangeShapeType="1"/>
        </xdr:cNvSpPr>
      </xdr:nvSpPr>
      <xdr:spPr bwMode="auto">
        <a:xfrm>
          <a:off x="3819525" y="4286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38100</xdr:colOff>
      <xdr:row>5</xdr:row>
      <xdr:rowOff>19050</xdr:rowOff>
    </xdr:from>
    <xdr:to>
      <xdr:col>22</xdr:col>
      <xdr:colOff>171450</xdr:colOff>
      <xdr:row>6</xdr:row>
      <xdr:rowOff>9525</xdr:rowOff>
    </xdr:to>
    <xdr:sp macro="" textlink="">
      <xdr:nvSpPr>
        <xdr:cNvPr id="10" name="Rectangle 19">
          <a:extLst>
            <a:ext uri="{FF2B5EF4-FFF2-40B4-BE49-F238E27FC236}">
              <a16:creationId xmlns:a16="http://schemas.microsoft.com/office/drawing/2014/main" id="{00000000-0008-0000-0200-00000A000000}"/>
            </a:ext>
          </a:extLst>
        </xdr:cNvPr>
        <xdr:cNvSpPr>
          <a:spLocks noChangeArrowheads="1"/>
        </xdr:cNvSpPr>
      </xdr:nvSpPr>
      <xdr:spPr bwMode="auto">
        <a:xfrm>
          <a:off x="3333750" y="904875"/>
          <a:ext cx="1133475" cy="23812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P創英角ｺﾞｼｯｸUB"/>
              <a:ea typeface="HGP創英角ｺﾞｼｯｸUB"/>
            </a:rPr>
            <a:t>ご所属・ご担当者名</a:t>
          </a:r>
        </a:p>
      </xdr:txBody>
    </xdr:sp>
    <xdr:clientData/>
  </xdr:twoCellAnchor>
  <xdr:twoCellAnchor>
    <xdr:from>
      <xdr:col>6</xdr:col>
      <xdr:colOff>142875</xdr:colOff>
      <xdr:row>38</xdr:row>
      <xdr:rowOff>228600</xdr:rowOff>
    </xdr:from>
    <xdr:to>
      <xdr:col>17</xdr:col>
      <xdr:colOff>142875</xdr:colOff>
      <xdr:row>40</xdr:row>
      <xdr:rowOff>9525</xdr:rowOff>
    </xdr:to>
    <xdr:sp macro="" textlink="">
      <xdr:nvSpPr>
        <xdr:cNvPr id="11" name="Text Box 28">
          <a:extLst>
            <a:ext uri="{FF2B5EF4-FFF2-40B4-BE49-F238E27FC236}">
              <a16:creationId xmlns:a16="http://schemas.microsoft.com/office/drawing/2014/main" id="{00000000-0008-0000-0200-00000B000000}"/>
            </a:ext>
          </a:extLst>
        </xdr:cNvPr>
        <xdr:cNvSpPr txBox="1">
          <a:spLocks noChangeArrowheads="1"/>
        </xdr:cNvSpPr>
      </xdr:nvSpPr>
      <xdr:spPr bwMode="auto">
        <a:xfrm>
          <a:off x="1238250" y="8105775"/>
          <a:ext cx="2200275" cy="161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同梱品選択してください</a:t>
          </a:r>
        </a:p>
      </xdr:txBody>
    </xdr:sp>
    <xdr:clientData/>
  </xdr:twoCellAnchor>
  <xdr:twoCellAnchor>
    <xdr:from>
      <xdr:col>6</xdr:col>
      <xdr:colOff>76200</xdr:colOff>
      <xdr:row>39</xdr:row>
      <xdr:rowOff>0</xdr:rowOff>
    </xdr:from>
    <xdr:to>
      <xdr:col>6</xdr:col>
      <xdr:colOff>76200</xdr:colOff>
      <xdr:row>39</xdr:row>
      <xdr:rowOff>66675</xdr:rowOff>
    </xdr:to>
    <xdr:sp macro="" textlink="">
      <xdr:nvSpPr>
        <xdr:cNvPr id="12" name="Line 30">
          <a:extLst>
            <a:ext uri="{FF2B5EF4-FFF2-40B4-BE49-F238E27FC236}">
              <a16:creationId xmlns:a16="http://schemas.microsoft.com/office/drawing/2014/main" id="{00000000-0008-0000-0200-00000C000000}"/>
            </a:ext>
          </a:extLst>
        </xdr:cNvPr>
        <xdr:cNvSpPr>
          <a:spLocks noChangeShapeType="1"/>
        </xdr:cNvSpPr>
      </xdr:nvSpPr>
      <xdr:spPr bwMode="auto">
        <a:xfrm flipV="1">
          <a:off x="1171575" y="8115300"/>
          <a:ext cx="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57151</xdr:colOff>
      <xdr:row>12</xdr:row>
      <xdr:rowOff>238124</xdr:rowOff>
    </xdr:from>
    <xdr:to>
      <xdr:col>29</xdr:col>
      <xdr:colOff>180976</xdr:colOff>
      <xdr:row>14</xdr:row>
      <xdr:rowOff>9524</xdr:rowOff>
    </xdr:to>
    <xdr:sp macro="" textlink="">
      <xdr:nvSpPr>
        <xdr:cNvPr id="13" name="Text Box 31">
          <a:extLst>
            <a:ext uri="{FF2B5EF4-FFF2-40B4-BE49-F238E27FC236}">
              <a16:creationId xmlns:a16="http://schemas.microsoft.com/office/drawing/2014/main" id="{00000000-0008-0000-0200-00000D000000}"/>
            </a:ext>
          </a:extLst>
        </xdr:cNvPr>
        <xdr:cNvSpPr txBox="1">
          <a:spLocks noChangeArrowheads="1"/>
        </xdr:cNvSpPr>
      </xdr:nvSpPr>
      <xdr:spPr bwMode="auto">
        <a:xfrm>
          <a:off x="1552576" y="2409824"/>
          <a:ext cx="4324350" cy="161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集荷時間帯を選択してください（集荷時間帯の選択が無い場合は、指定なしとさせていただきます。）</a:t>
          </a:r>
        </a:p>
      </xdr:txBody>
    </xdr:sp>
    <xdr:clientData/>
  </xdr:twoCellAnchor>
  <xdr:twoCellAnchor>
    <xdr:from>
      <xdr:col>8</xdr:col>
      <xdr:colOff>9525</xdr:colOff>
      <xdr:row>13</xdr:row>
      <xdr:rowOff>0</xdr:rowOff>
    </xdr:from>
    <xdr:to>
      <xdr:col>8</xdr:col>
      <xdr:colOff>9525</xdr:colOff>
      <xdr:row>13</xdr:row>
      <xdr:rowOff>66675</xdr:rowOff>
    </xdr:to>
    <xdr:sp macro="" textlink="">
      <xdr:nvSpPr>
        <xdr:cNvPr id="14" name="Line 33">
          <a:extLst>
            <a:ext uri="{FF2B5EF4-FFF2-40B4-BE49-F238E27FC236}">
              <a16:creationId xmlns:a16="http://schemas.microsoft.com/office/drawing/2014/main" id="{00000000-0008-0000-0200-00000E000000}"/>
            </a:ext>
          </a:extLst>
        </xdr:cNvPr>
        <xdr:cNvSpPr>
          <a:spLocks noChangeShapeType="1"/>
        </xdr:cNvSpPr>
      </xdr:nvSpPr>
      <xdr:spPr bwMode="auto">
        <a:xfrm flipV="1">
          <a:off x="1504950" y="2419350"/>
          <a:ext cx="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19051</xdr:colOff>
      <xdr:row>4</xdr:row>
      <xdr:rowOff>85726</xdr:rowOff>
    </xdr:from>
    <xdr:to>
      <xdr:col>14</xdr:col>
      <xdr:colOff>142876</xdr:colOff>
      <xdr:row>6</xdr:row>
      <xdr:rowOff>47626</xdr:rowOff>
    </xdr:to>
    <xdr:sp macro="" textlink="">
      <xdr:nvSpPr>
        <xdr:cNvPr id="15" name="Rectangle 14">
          <a:extLst>
            <a:ext uri="{FF2B5EF4-FFF2-40B4-BE49-F238E27FC236}">
              <a16:creationId xmlns:a16="http://schemas.microsoft.com/office/drawing/2014/main" id="{00000000-0008-0000-0200-00000F000000}"/>
            </a:ext>
          </a:extLst>
        </xdr:cNvPr>
        <xdr:cNvSpPr>
          <a:spLocks noChangeArrowheads="1"/>
        </xdr:cNvSpPr>
      </xdr:nvSpPr>
      <xdr:spPr bwMode="auto">
        <a:xfrm>
          <a:off x="114301" y="723901"/>
          <a:ext cx="2724150" cy="45720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18288" rIns="0" bIns="0" anchor="t" upright="1"/>
        <a:lstStyle/>
        <a:p>
          <a:pPr algn="l" rtl="0">
            <a:defRPr sz="1000"/>
          </a:pPr>
          <a:r>
            <a:rPr lang="en-US" altLang="ja-JP" sz="1000" b="1">
              <a:effectLst/>
              <a:latin typeface="+mn-lt"/>
              <a:ea typeface="+mn-ea"/>
              <a:cs typeface="+mn-cs"/>
            </a:rPr>
            <a:t>e-mai</a:t>
          </a:r>
          <a:r>
            <a:rPr lang="en-US" altLang="ja-JP" sz="1000">
              <a:effectLst/>
              <a:latin typeface="+mn-lt"/>
              <a:ea typeface="+mn-ea"/>
              <a:cs typeface="+mn-cs"/>
            </a:rPr>
            <a:t>l</a:t>
          </a:r>
        </a:p>
        <a:p>
          <a:pPr algn="l" rtl="0">
            <a:lnSpc>
              <a:spcPts val="1200"/>
            </a:lnSpc>
            <a:defRPr sz="1000"/>
          </a:pPr>
          <a:r>
            <a:rPr lang="en-US" altLang="ja-JP" sz="1000" b="0" i="0" u="none" strike="noStrike" baseline="0">
              <a:solidFill>
                <a:srgbClr val="000000"/>
              </a:solidFill>
              <a:latin typeface="Meiryo UI" panose="020B0604030504040204" pitchFamily="50" charset="-128"/>
              <a:ea typeface="Meiryo UI" panose="020B0604030504040204" pitchFamily="50" charset="-128"/>
            </a:rPr>
            <a:t>DBI-GIGA-FRONT@group.dynabook.com</a:t>
          </a:r>
        </a:p>
      </xdr:txBody>
    </xdr:sp>
    <xdr:clientData/>
  </xdr:twoCellAnchor>
  <xdr:twoCellAnchor>
    <xdr:from>
      <xdr:col>1</xdr:col>
      <xdr:colOff>0</xdr:colOff>
      <xdr:row>7</xdr:row>
      <xdr:rowOff>619125</xdr:rowOff>
    </xdr:from>
    <xdr:to>
      <xdr:col>38</xdr:col>
      <xdr:colOff>323850</xdr:colOff>
      <xdr:row>9</xdr:row>
      <xdr:rowOff>266700</xdr:rowOff>
    </xdr:to>
    <xdr:sp macro="" textlink="">
      <xdr:nvSpPr>
        <xdr:cNvPr id="16" name="Text Box 2">
          <a:extLst>
            <a:ext uri="{FF2B5EF4-FFF2-40B4-BE49-F238E27FC236}">
              <a16:creationId xmlns:a16="http://schemas.microsoft.com/office/drawing/2014/main" id="{00000000-0008-0000-0200-000010000000}"/>
            </a:ext>
          </a:extLst>
        </xdr:cNvPr>
        <xdr:cNvSpPr txBox="1">
          <a:spLocks noChangeArrowheads="1"/>
        </xdr:cNvSpPr>
      </xdr:nvSpPr>
      <xdr:spPr bwMode="auto">
        <a:xfrm>
          <a:off x="95250" y="1619250"/>
          <a:ext cx="7724775" cy="266700"/>
        </a:xfrm>
        <a:prstGeom prst="rect">
          <a:avLst/>
        </a:prstGeom>
        <a:solidFill>
          <a:srgbClr xmlns:mc="http://schemas.openxmlformats.org/markup-compatibility/2006" xmlns:a14="http://schemas.microsoft.com/office/drawing/2010/main" val="FFFFFF" mc:Ignorable="a14" a14:legacySpreadsheetColorIndex="9"/>
        </a:solidFill>
        <a:ln w="38100" cmpd="dbl">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32004" rIns="45720" bIns="0" anchor="t" upright="1"/>
        <a:lstStyle/>
        <a:p>
          <a:pPr algn="l" rtl="0">
            <a:defRPr sz="1000"/>
          </a:pPr>
          <a:r>
            <a:rPr lang="ja-JP" altLang="en-US" sz="1400" b="1" i="0" u="none" strike="noStrike" baseline="0">
              <a:solidFill>
                <a:srgbClr val="000000"/>
              </a:solidFill>
              <a:latin typeface="ＭＳ ゴシック"/>
              <a:ea typeface="ＭＳ ゴシック"/>
            </a:rPr>
            <a:t>ピックアップ</a:t>
          </a:r>
          <a:r>
            <a:rPr lang="en-US" altLang="ja-JP" sz="1400" b="1" i="0" u="none" strike="noStrike" baseline="0">
              <a:solidFill>
                <a:srgbClr val="000000"/>
              </a:solidFill>
              <a:latin typeface="ＭＳ ゴシック"/>
              <a:ea typeface="ＭＳ ゴシック"/>
            </a:rPr>
            <a:t>(</a:t>
          </a:r>
          <a:r>
            <a:rPr lang="ja-JP" altLang="en-US" sz="1400" b="1" i="0" u="none" strike="noStrike" baseline="0">
              <a:solidFill>
                <a:srgbClr val="000000"/>
              </a:solidFill>
              <a:latin typeface="ＭＳ ゴシック"/>
              <a:ea typeface="ＭＳ ゴシック"/>
            </a:rPr>
            <a:t>修理）依頼シート　</a:t>
          </a:r>
          <a:r>
            <a:rPr lang="ja-JP" altLang="en-US" sz="1100" b="1" i="0" u="none" strike="noStrike" baseline="0">
              <a:solidFill>
                <a:srgbClr val="000000"/>
              </a:solidFill>
              <a:latin typeface="ＭＳ ゴシック"/>
              <a:ea typeface="ＭＳ ゴシック"/>
            </a:rPr>
            <a:t>複数台同時集荷　　</a:t>
          </a:r>
          <a:r>
            <a:rPr lang="ja-JP" altLang="en-US" sz="1400" b="1" i="0" u="none" strike="noStrike" baseline="0">
              <a:solidFill>
                <a:srgbClr val="000000"/>
              </a:solidFill>
              <a:latin typeface="ＭＳ ゴシック"/>
              <a:ea typeface="ＭＳ ゴシック"/>
            </a:rPr>
            <a:t>　　　　</a:t>
          </a:r>
          <a:r>
            <a:rPr lang="en-US" altLang="ja-JP" sz="800" b="1" i="0" u="none" strike="noStrike" baseline="0">
              <a:solidFill>
                <a:srgbClr val="000000"/>
              </a:solidFill>
              <a:latin typeface="ＭＳ ゴシック"/>
              <a:ea typeface="ＭＳ ゴシック"/>
            </a:rPr>
            <a:t>※</a:t>
          </a:r>
          <a:r>
            <a:rPr lang="ja-JP" altLang="en-US" sz="800" b="1" i="0" u="none" strike="noStrike" baseline="0">
              <a:solidFill>
                <a:srgbClr val="000000"/>
              </a:solidFill>
              <a:latin typeface="ＭＳ ゴシック"/>
              <a:ea typeface="ＭＳ ゴシック"/>
            </a:rPr>
            <a:t>「あり」の場合は複数台同時集荷シート記載ください</a:t>
          </a:r>
        </a:p>
      </xdr:txBody>
    </xdr:sp>
    <xdr:clientData/>
  </xdr:twoCellAnchor>
  <mc:AlternateContent xmlns:mc="http://schemas.openxmlformats.org/markup-compatibility/2006">
    <mc:Choice xmlns:a14="http://schemas.microsoft.com/office/drawing/2010/main" Requires="a14">
      <xdr:twoCellAnchor editAs="oneCell">
        <xdr:from>
          <xdr:col>6</xdr:col>
          <xdr:colOff>133350</xdr:colOff>
          <xdr:row>12</xdr:row>
          <xdr:rowOff>0</xdr:rowOff>
        </xdr:from>
        <xdr:to>
          <xdr:col>10</xdr:col>
          <xdr:colOff>133350</xdr:colOff>
          <xdr:row>13</xdr:row>
          <xdr:rowOff>0</xdr:rowOff>
        </xdr:to>
        <xdr:sp macro="" textlink="">
          <xdr:nvSpPr>
            <xdr:cNvPr id="2049" name="Option Button 1" hidden="1">
              <a:extLst>
                <a:ext uri="{63B3BB69-23CF-44E3-9099-C40C66FF867C}">
                  <a14:compatExt spid="_x0000_s2049"/>
                </a:ext>
                <a:ext uri="{FF2B5EF4-FFF2-40B4-BE49-F238E27FC236}">
                  <a16:creationId xmlns:a16="http://schemas.microsoft.com/office/drawing/2014/main" id="{00000000-0008-0000-02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指定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14300</xdr:colOff>
          <xdr:row>12</xdr:row>
          <xdr:rowOff>0</xdr:rowOff>
        </xdr:from>
        <xdr:to>
          <xdr:col>17</xdr:col>
          <xdr:colOff>88900</xdr:colOff>
          <xdr:row>13</xdr:row>
          <xdr:rowOff>0</xdr:rowOff>
        </xdr:to>
        <xdr:sp macro="" textlink="">
          <xdr:nvSpPr>
            <xdr:cNvPr id="2050" name="Option Button 2" hidden="1">
              <a:extLst>
                <a:ext uri="{63B3BB69-23CF-44E3-9099-C40C66FF867C}">
                  <a14:compatExt spid="_x0000_s2050"/>
                </a:ext>
                <a:ext uri="{FF2B5EF4-FFF2-40B4-BE49-F238E27FC236}">
                  <a16:creationId xmlns:a16="http://schemas.microsoft.com/office/drawing/2014/main" id="{00000000-0008-0000-0200-00000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９：00～12：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95250</xdr:colOff>
          <xdr:row>12</xdr:row>
          <xdr:rowOff>0</xdr:rowOff>
        </xdr:from>
        <xdr:to>
          <xdr:col>24</xdr:col>
          <xdr:colOff>107950</xdr:colOff>
          <xdr:row>13</xdr:row>
          <xdr:rowOff>0</xdr:rowOff>
        </xdr:to>
        <xdr:sp macro="" textlink="">
          <xdr:nvSpPr>
            <xdr:cNvPr id="2051" name="Option Button 3" hidden="1">
              <a:extLst>
                <a:ext uri="{63B3BB69-23CF-44E3-9099-C40C66FF867C}">
                  <a14:compatExt spid="_x0000_s2051"/>
                </a:ext>
                <a:ext uri="{FF2B5EF4-FFF2-40B4-BE49-F238E27FC236}">
                  <a16:creationId xmlns:a16="http://schemas.microsoft.com/office/drawing/2014/main" id="{00000000-0008-0000-02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2：00～15：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69850</xdr:colOff>
          <xdr:row>12</xdr:row>
          <xdr:rowOff>0</xdr:rowOff>
        </xdr:from>
        <xdr:to>
          <xdr:col>31</xdr:col>
          <xdr:colOff>107950</xdr:colOff>
          <xdr:row>13</xdr:row>
          <xdr:rowOff>0</xdr:rowOff>
        </xdr:to>
        <xdr:sp macro="" textlink="">
          <xdr:nvSpPr>
            <xdr:cNvPr id="2052" name="Option Button 4" hidden="1">
              <a:extLst>
                <a:ext uri="{63B3BB69-23CF-44E3-9099-C40C66FF867C}">
                  <a14:compatExt spid="_x0000_s2052"/>
                </a:ext>
                <a:ext uri="{FF2B5EF4-FFF2-40B4-BE49-F238E27FC236}">
                  <a16:creationId xmlns:a16="http://schemas.microsoft.com/office/drawing/2014/main" id="{00000000-0008-0000-0200-00000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5：00～18：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46050</xdr:colOff>
          <xdr:row>12</xdr:row>
          <xdr:rowOff>12700</xdr:rowOff>
        </xdr:from>
        <xdr:to>
          <xdr:col>38</xdr:col>
          <xdr:colOff>190500</xdr:colOff>
          <xdr:row>13</xdr:row>
          <xdr:rowOff>12700</xdr:rowOff>
        </xdr:to>
        <xdr:sp macro="" textlink="">
          <xdr:nvSpPr>
            <xdr:cNvPr id="2053" name="Option Button 5" hidden="1">
              <a:extLst>
                <a:ext uri="{63B3BB69-23CF-44E3-9099-C40C66FF867C}">
                  <a14:compatExt spid="_x0000_s2053"/>
                </a:ext>
                <a:ext uri="{FF2B5EF4-FFF2-40B4-BE49-F238E27FC236}">
                  <a16:creationId xmlns:a16="http://schemas.microsoft.com/office/drawing/2014/main" id="{00000000-0008-0000-0200-00000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8：00～2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xdr:row>
          <xdr:rowOff>12700</xdr:rowOff>
        </xdr:from>
        <xdr:to>
          <xdr:col>24</xdr:col>
          <xdr:colOff>0</xdr:colOff>
          <xdr:row>11</xdr:row>
          <xdr:rowOff>0</xdr:rowOff>
        </xdr:to>
        <xdr:sp macro="" textlink="">
          <xdr:nvSpPr>
            <xdr:cNvPr id="2054" name="Option Button 6" hidden="1">
              <a:extLst>
                <a:ext uri="{63B3BB69-23CF-44E3-9099-C40C66FF867C}">
                  <a14:compatExt spid="_x0000_s2054"/>
                </a:ext>
                <a:ext uri="{FF2B5EF4-FFF2-40B4-BE49-F238E27FC236}">
                  <a16:creationId xmlns:a16="http://schemas.microsoft.com/office/drawing/2014/main" id="{00000000-0008-0000-0200-00000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84150</xdr:colOff>
          <xdr:row>9</xdr:row>
          <xdr:rowOff>12700</xdr:rowOff>
        </xdr:from>
        <xdr:to>
          <xdr:col>25</xdr:col>
          <xdr:colOff>184150</xdr:colOff>
          <xdr:row>11</xdr:row>
          <xdr:rowOff>0</xdr:rowOff>
        </xdr:to>
        <xdr:sp macro="" textlink="">
          <xdr:nvSpPr>
            <xdr:cNvPr id="2055" name="Option Button 7" hidden="1">
              <a:extLst>
                <a:ext uri="{63B3BB69-23CF-44E3-9099-C40C66FF867C}">
                  <a14:compatExt spid="_x0000_s2055"/>
                </a:ext>
                <a:ext uri="{FF2B5EF4-FFF2-40B4-BE49-F238E27FC236}">
                  <a16:creationId xmlns:a16="http://schemas.microsoft.com/office/drawing/2014/main" id="{00000000-0008-0000-0200-00000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14300</xdr:colOff>
          <xdr:row>7</xdr:row>
          <xdr:rowOff>590550</xdr:rowOff>
        </xdr:from>
        <xdr:to>
          <xdr:col>28</xdr:col>
          <xdr:colOff>76200</xdr:colOff>
          <xdr:row>9</xdr:row>
          <xdr:rowOff>107950</xdr:rowOff>
        </xdr:to>
        <xdr:sp macro="" textlink="">
          <xdr:nvSpPr>
            <xdr:cNvPr id="2056" name="Group Box 8" descr="グループ19&#10;" hidden="1">
              <a:extLst>
                <a:ext uri="{63B3BB69-23CF-44E3-9099-C40C66FF867C}">
                  <a14:compatExt spid="_x0000_s2056"/>
                </a:ext>
                <a:ext uri="{FF2B5EF4-FFF2-40B4-BE49-F238E27FC236}">
                  <a16:creationId xmlns:a16="http://schemas.microsoft.com/office/drawing/2014/main" id="{00000000-0008-0000-0200-000008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31750</xdr:colOff>
          <xdr:row>11</xdr:row>
          <xdr:rowOff>203200</xdr:rowOff>
        </xdr:from>
        <xdr:to>
          <xdr:col>40</xdr:col>
          <xdr:colOff>12700</xdr:colOff>
          <xdr:row>13</xdr:row>
          <xdr:rowOff>127000</xdr:rowOff>
        </xdr:to>
        <xdr:sp macro="" textlink="">
          <xdr:nvSpPr>
            <xdr:cNvPr id="2057" name="Group Box 9" hidden="1">
              <a:extLst>
                <a:ext uri="{63B3BB69-23CF-44E3-9099-C40C66FF867C}">
                  <a14:compatExt spid="_x0000_s2057"/>
                </a:ext>
                <a:ext uri="{FF2B5EF4-FFF2-40B4-BE49-F238E27FC236}">
                  <a16:creationId xmlns:a16="http://schemas.microsoft.com/office/drawing/2014/main" id="{00000000-0008-0000-0200-000009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2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1750</xdr:colOff>
          <xdr:row>36</xdr:row>
          <xdr:rowOff>285750</xdr:rowOff>
        </xdr:from>
        <xdr:to>
          <xdr:col>8</xdr:col>
          <xdr:colOff>152400</xdr:colOff>
          <xdr:row>38</xdr:row>
          <xdr:rowOff>0</xdr:rowOff>
        </xdr:to>
        <xdr:sp macro="" textlink="">
          <xdr:nvSpPr>
            <xdr:cNvPr id="2058" name="Check Box 10" hidden="1">
              <a:extLst>
                <a:ext uri="{63B3BB69-23CF-44E3-9099-C40C66FF867C}">
                  <a14:compatExt spid="_x0000_s2058"/>
                </a:ext>
                <a:ext uri="{FF2B5EF4-FFF2-40B4-BE49-F238E27FC236}">
                  <a16:creationId xmlns:a16="http://schemas.microsoft.com/office/drawing/2014/main" id="{00000000-0008-0000-0200-00000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1.修理依頼シー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7000</xdr:colOff>
          <xdr:row>36</xdr:row>
          <xdr:rowOff>285750</xdr:rowOff>
        </xdr:from>
        <xdr:to>
          <xdr:col>15</xdr:col>
          <xdr:colOff>12700</xdr:colOff>
          <xdr:row>38</xdr:row>
          <xdr:rowOff>0</xdr:rowOff>
        </xdr:to>
        <xdr:sp macro="" textlink="">
          <xdr:nvSpPr>
            <xdr:cNvPr id="2059" name="Check Box 11" hidden="1">
              <a:extLst>
                <a:ext uri="{63B3BB69-23CF-44E3-9099-C40C66FF867C}">
                  <a14:compatExt spid="_x0000_s2059"/>
                </a:ext>
                <a:ext uri="{FF2B5EF4-FFF2-40B4-BE49-F238E27FC236}">
                  <a16:creationId xmlns:a16="http://schemas.microsoft.com/office/drawing/2014/main" id="{00000000-0008-0000-0200-00000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2.保証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57150</xdr:colOff>
          <xdr:row>37</xdr:row>
          <xdr:rowOff>0</xdr:rowOff>
        </xdr:from>
        <xdr:to>
          <xdr:col>22</xdr:col>
          <xdr:colOff>146050</xdr:colOff>
          <xdr:row>38</xdr:row>
          <xdr:rowOff>0</xdr:rowOff>
        </xdr:to>
        <xdr:sp macro="" textlink="">
          <xdr:nvSpPr>
            <xdr:cNvPr id="2060" name="Check Box 12" hidden="1">
              <a:extLst>
                <a:ext uri="{63B3BB69-23CF-44E3-9099-C40C66FF867C}">
                  <a14:compatExt spid="_x0000_s2060"/>
                </a:ext>
                <a:ext uri="{FF2B5EF4-FFF2-40B4-BE49-F238E27FC236}">
                  <a16:creationId xmlns:a16="http://schemas.microsoft.com/office/drawing/2014/main" id="{00000000-0008-0000-0200-00000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3.ACアダプ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57150</xdr:colOff>
          <xdr:row>37</xdr:row>
          <xdr:rowOff>0</xdr:rowOff>
        </xdr:from>
        <xdr:to>
          <xdr:col>29</xdr:col>
          <xdr:colOff>146050</xdr:colOff>
          <xdr:row>38</xdr:row>
          <xdr:rowOff>0</xdr:rowOff>
        </xdr:to>
        <xdr:sp macro="" textlink="">
          <xdr:nvSpPr>
            <xdr:cNvPr id="2061" name="Check Box 13" hidden="1">
              <a:extLst>
                <a:ext uri="{63B3BB69-23CF-44E3-9099-C40C66FF867C}">
                  <a14:compatExt spid="_x0000_s2061"/>
                </a:ext>
                <a:ext uri="{FF2B5EF4-FFF2-40B4-BE49-F238E27FC236}">
                  <a16:creationId xmlns:a16="http://schemas.microsoft.com/office/drawing/2014/main" id="{00000000-0008-0000-0200-00000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4.ACコー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37</xdr:row>
          <xdr:rowOff>0</xdr:rowOff>
        </xdr:from>
        <xdr:to>
          <xdr:col>37</xdr:col>
          <xdr:colOff>88900</xdr:colOff>
          <xdr:row>38</xdr:row>
          <xdr:rowOff>0</xdr:rowOff>
        </xdr:to>
        <xdr:sp macro="" textlink="">
          <xdr:nvSpPr>
            <xdr:cNvPr id="2062" name="Check Box 14" hidden="1">
              <a:extLst>
                <a:ext uri="{63B3BB69-23CF-44E3-9099-C40C66FF867C}">
                  <a14:compatExt spid="_x0000_s2062"/>
                </a:ext>
                <a:ext uri="{FF2B5EF4-FFF2-40B4-BE49-F238E27FC236}">
                  <a16:creationId xmlns:a16="http://schemas.microsoft.com/office/drawing/2014/main" id="{00000000-0008-0000-0200-00000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5.マウ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8100</xdr:colOff>
          <xdr:row>37</xdr:row>
          <xdr:rowOff>228600</xdr:rowOff>
        </xdr:from>
        <xdr:to>
          <xdr:col>9</xdr:col>
          <xdr:colOff>57150</xdr:colOff>
          <xdr:row>38</xdr:row>
          <xdr:rowOff>228600</xdr:rowOff>
        </xdr:to>
        <xdr:sp macro="" textlink="">
          <xdr:nvSpPr>
            <xdr:cNvPr id="2063" name="Check Box 15" hidden="1">
              <a:extLst>
                <a:ext uri="{63B3BB69-23CF-44E3-9099-C40C66FF867C}">
                  <a14:compatExt spid="_x0000_s2063"/>
                </a:ext>
                <a:ext uri="{FF2B5EF4-FFF2-40B4-BE49-F238E27FC236}">
                  <a16:creationId xmlns:a16="http://schemas.microsoft.com/office/drawing/2014/main" id="{00000000-0008-0000-0200-00000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6.キーボードドック</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31750</xdr:colOff>
          <xdr:row>38</xdr:row>
          <xdr:rowOff>0</xdr:rowOff>
        </xdr:from>
        <xdr:to>
          <xdr:col>24</xdr:col>
          <xdr:colOff>114300</xdr:colOff>
          <xdr:row>39</xdr:row>
          <xdr:rowOff>0</xdr:rowOff>
        </xdr:to>
        <xdr:sp macro="" textlink="">
          <xdr:nvSpPr>
            <xdr:cNvPr id="2064" name="Check Box 16" hidden="1">
              <a:extLst>
                <a:ext uri="{63B3BB69-23CF-44E3-9099-C40C66FF867C}">
                  <a14:compatExt spid="_x0000_s2064"/>
                </a:ext>
                <a:ext uri="{FF2B5EF4-FFF2-40B4-BE49-F238E27FC236}">
                  <a16:creationId xmlns:a16="http://schemas.microsoft.com/office/drawing/2014/main" id="{00000000-0008-0000-0200-00001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7.その他</a:t>
              </a:r>
            </a:p>
          </xdr:txBody>
        </xdr:sp>
        <xdr:clientData/>
      </xdr:twoCellAnchor>
    </mc:Choice>
    <mc:Fallback/>
  </mc:AlternateContent>
  <xdr:twoCellAnchor>
    <xdr:from>
      <xdr:col>3</xdr:col>
      <xdr:colOff>0</xdr:colOff>
      <xdr:row>13</xdr:row>
      <xdr:rowOff>133350</xdr:rowOff>
    </xdr:from>
    <xdr:to>
      <xdr:col>4</xdr:col>
      <xdr:colOff>171450</xdr:colOff>
      <xdr:row>15</xdr:row>
      <xdr:rowOff>19050</xdr:rowOff>
    </xdr:to>
    <xdr:sp macro="" textlink="">
      <xdr:nvSpPr>
        <xdr:cNvPr id="33" name="楕円 32">
          <a:extLst>
            <a:ext uri="{FF2B5EF4-FFF2-40B4-BE49-F238E27FC236}">
              <a16:creationId xmlns:a16="http://schemas.microsoft.com/office/drawing/2014/main" id="{00000000-0008-0000-0200-000021000000}"/>
            </a:ext>
          </a:extLst>
        </xdr:cNvPr>
        <xdr:cNvSpPr/>
      </xdr:nvSpPr>
      <xdr:spPr>
        <a:xfrm>
          <a:off x="495300" y="2552700"/>
          <a:ext cx="371475" cy="276225"/>
        </a:xfrm>
        <a:prstGeom prst="ellipse">
          <a:avLst/>
        </a:prstGeom>
        <a:noFill/>
        <a:ln w="285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76201</xdr:colOff>
      <xdr:row>5</xdr:row>
      <xdr:rowOff>228601</xdr:rowOff>
    </xdr:from>
    <xdr:to>
      <xdr:col>14</xdr:col>
      <xdr:colOff>161926</xdr:colOff>
      <xdr:row>7</xdr:row>
      <xdr:rowOff>114301</xdr:rowOff>
    </xdr:to>
    <xdr:sp macro="" textlink="">
      <xdr:nvSpPr>
        <xdr:cNvPr id="34" name="Rectangle 13">
          <a:extLst>
            <a:ext uri="{FF2B5EF4-FFF2-40B4-BE49-F238E27FC236}">
              <a16:creationId xmlns:a16="http://schemas.microsoft.com/office/drawing/2014/main" id="{00000000-0008-0000-0200-000022000000}"/>
            </a:ext>
          </a:extLst>
        </xdr:cNvPr>
        <xdr:cNvSpPr>
          <a:spLocks noChangeArrowheads="1"/>
        </xdr:cNvSpPr>
      </xdr:nvSpPr>
      <xdr:spPr bwMode="auto">
        <a:xfrm>
          <a:off x="171451" y="1114426"/>
          <a:ext cx="2686050" cy="38100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45720" tIns="22860" rIns="0" bIns="0" anchor="t" upright="1"/>
        <a:lstStyle/>
        <a:p>
          <a:pPr algn="l" rtl="0">
            <a:lnSpc>
              <a:spcPts val="1200"/>
            </a:lnSpc>
            <a:defRPr sz="1000"/>
          </a:pPr>
          <a:r>
            <a:rPr lang="en-US" altLang="ja-JP" sz="1000" b="1" i="0" u="sng" strike="noStrike" baseline="0">
              <a:solidFill>
                <a:srgbClr val="000000"/>
              </a:solidFill>
              <a:latin typeface="Meiryo UI" panose="020B0604030504040204" pitchFamily="50" charset="-128"/>
              <a:ea typeface="Meiryo UI" panose="020B0604030504040204" pitchFamily="50" charset="-128"/>
            </a:rPr>
            <a:t>TEL:0120-86-9192</a:t>
          </a:r>
        </a:p>
        <a:p>
          <a:pPr algn="l" rtl="0">
            <a:lnSpc>
              <a:spcPts val="1200"/>
            </a:lnSpc>
            <a:defRPr sz="1000"/>
          </a:pPr>
          <a:r>
            <a:rPr lang="en-US" altLang="ja-JP" sz="1000" b="1" i="0" u="sng" strike="noStrike" baseline="0">
              <a:solidFill>
                <a:srgbClr val="000000"/>
              </a:solidFill>
              <a:latin typeface="Meiryo UI" panose="020B0604030504040204" pitchFamily="50" charset="-128"/>
              <a:ea typeface="Meiryo UI" panose="020B0604030504040204" pitchFamily="50" charset="-128"/>
            </a:rPr>
            <a:t>FAX:043-278-2941</a:t>
          </a:r>
        </a:p>
        <a:p>
          <a:pPr algn="l" rtl="0">
            <a:lnSpc>
              <a:spcPts val="1200"/>
            </a:lnSpc>
            <a:defRPr sz="1000"/>
          </a:pPr>
          <a:endParaRPr lang="en-US" altLang="ja-JP" sz="1000" b="1" i="0" u="sng" strike="noStrike" baseline="0">
            <a:solidFill>
              <a:srgbClr val="000000"/>
            </a:solidFill>
            <a:latin typeface="Meiryo UI" panose="020B0604030504040204" pitchFamily="50" charset="-128"/>
            <a:ea typeface="Meiryo UI" panose="020B0604030504040204" pitchFamily="50" charset="-128"/>
          </a:endParaRPr>
        </a:p>
        <a:p>
          <a:pPr algn="l" rtl="0">
            <a:lnSpc>
              <a:spcPts val="1200"/>
            </a:lnSpc>
            <a:defRPr sz="1000"/>
          </a:pPr>
          <a:endParaRPr lang="en-US" altLang="ja-JP" sz="1100" b="0" i="0" u="none" strike="noStrike" baseline="0">
            <a:solidFill>
              <a:srgbClr val="000000"/>
            </a:solidFill>
            <a:latin typeface="HGP創英角ｺﾞｼｯｸUB"/>
            <a:ea typeface="HGP創英角ｺﾞｼｯｸUB"/>
          </a:endParaRPr>
        </a:p>
      </xdr:txBody>
    </xdr:sp>
    <xdr:clientData/>
  </xdr:twoCellAnchor>
  <xdr:twoCellAnchor editAs="oneCell">
    <xdr:from>
      <xdr:col>8</xdr:col>
      <xdr:colOff>171450</xdr:colOff>
      <xdr:row>20</xdr:row>
      <xdr:rowOff>190500</xdr:rowOff>
    </xdr:from>
    <xdr:to>
      <xdr:col>10</xdr:col>
      <xdr:colOff>173771</xdr:colOff>
      <xdr:row>22</xdr:row>
      <xdr:rowOff>26</xdr:rowOff>
    </xdr:to>
    <xdr:pic>
      <xdr:nvPicPr>
        <xdr:cNvPr id="35" name="図 34">
          <a:extLst>
            <a:ext uri="{FF2B5EF4-FFF2-40B4-BE49-F238E27FC236}">
              <a16:creationId xmlns:a16="http://schemas.microsoft.com/office/drawing/2014/main" id="{00000000-0008-0000-0200-000023000000}"/>
            </a:ext>
          </a:extLst>
        </xdr:cNvPr>
        <xdr:cNvPicPr>
          <a:picLocks noChangeAspect="1"/>
        </xdr:cNvPicPr>
      </xdr:nvPicPr>
      <xdr:blipFill>
        <a:blip xmlns:r="http://schemas.openxmlformats.org/officeDocument/2006/relationships" r:embed="rId1"/>
        <a:stretch>
          <a:fillRect/>
        </a:stretch>
      </xdr:blipFill>
      <xdr:spPr>
        <a:xfrm>
          <a:off x="1666875" y="3962400"/>
          <a:ext cx="402371" cy="304826"/>
        </a:xfrm>
        <a:prstGeom prst="rect">
          <a:avLst/>
        </a:prstGeom>
      </xdr:spPr>
    </xdr:pic>
    <xdr:clientData/>
  </xdr:twoCellAnchor>
  <mc:AlternateContent xmlns:mc="http://schemas.openxmlformats.org/markup-compatibility/2006">
    <mc:Choice xmlns:a14="http://schemas.microsoft.com/office/drawing/2010/main" Requires="a14">
      <xdr:twoCellAnchor editAs="oneCell">
        <xdr:from>
          <xdr:col>3</xdr:col>
          <xdr:colOff>165100</xdr:colOff>
          <xdr:row>45</xdr:row>
          <xdr:rowOff>171450</xdr:rowOff>
        </xdr:from>
        <xdr:to>
          <xdr:col>31</xdr:col>
          <xdr:colOff>57150</xdr:colOff>
          <xdr:row>46</xdr:row>
          <xdr:rowOff>171450</xdr:rowOff>
        </xdr:to>
        <xdr:sp macro="" textlink="">
          <xdr:nvSpPr>
            <xdr:cNvPr id="2065" name="Option Button 17" hidden="1">
              <a:extLst>
                <a:ext uri="{63B3BB69-23CF-44E3-9099-C40C66FF867C}">
                  <a14:compatExt spid="_x0000_s2065"/>
                </a:ext>
                <a:ext uri="{FF2B5EF4-FFF2-40B4-BE49-F238E27FC236}">
                  <a16:creationId xmlns:a16="http://schemas.microsoft.com/office/drawing/2014/main" id="{00000000-0008-0000-0200-00001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同意する（事前承諾により、データの初期化を伴う修理の際は、「修理納期が短縮」できま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47</xdr:row>
          <xdr:rowOff>184150</xdr:rowOff>
        </xdr:from>
        <xdr:to>
          <xdr:col>38</xdr:col>
          <xdr:colOff>336550</xdr:colOff>
          <xdr:row>48</xdr:row>
          <xdr:rowOff>184150</xdr:rowOff>
        </xdr:to>
        <xdr:sp macro="" textlink="">
          <xdr:nvSpPr>
            <xdr:cNvPr id="2066" name="Option Button 18" hidden="1">
              <a:extLst>
                <a:ext uri="{63B3BB69-23CF-44E3-9099-C40C66FF867C}">
                  <a14:compatExt spid="_x0000_s2066"/>
                </a:ext>
                <a:ext uri="{FF2B5EF4-FFF2-40B4-BE49-F238E27FC236}">
                  <a16:creationId xmlns:a16="http://schemas.microsoft.com/office/drawing/2014/main" id="{00000000-0008-0000-0200-00001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同意しない(故障状況により未修理返却させていただく場合があります。メインボード(フラッシュメモリ)内のデータはメーカ保証しておりません)</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46</xdr:row>
          <xdr:rowOff>12700</xdr:rowOff>
        </xdr:from>
        <xdr:to>
          <xdr:col>38</xdr:col>
          <xdr:colOff>228600</xdr:colOff>
          <xdr:row>48</xdr:row>
          <xdr:rowOff>127000</xdr:rowOff>
        </xdr:to>
        <xdr:sp macro="" textlink="">
          <xdr:nvSpPr>
            <xdr:cNvPr id="2067" name="Group Box 19" hidden="1">
              <a:extLst>
                <a:ext uri="{63B3BB69-23CF-44E3-9099-C40C66FF867C}">
                  <a14:compatExt spid="_x0000_s2067"/>
                </a:ext>
                <a:ext uri="{FF2B5EF4-FFF2-40B4-BE49-F238E27FC236}">
                  <a16:creationId xmlns:a16="http://schemas.microsoft.com/office/drawing/2014/main" id="{00000000-0008-0000-0200-000013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3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48</xdr:row>
          <xdr:rowOff>184150</xdr:rowOff>
        </xdr:from>
        <xdr:to>
          <xdr:col>27</xdr:col>
          <xdr:colOff>38100</xdr:colOff>
          <xdr:row>49</xdr:row>
          <xdr:rowOff>184150</xdr:rowOff>
        </xdr:to>
        <xdr:sp macro="" textlink="">
          <xdr:nvSpPr>
            <xdr:cNvPr id="2068" name="Check Box 20" hidden="1">
              <a:extLst>
                <a:ext uri="{63B3BB69-23CF-44E3-9099-C40C66FF867C}">
                  <a14:compatExt spid="_x0000_s2068"/>
                </a:ext>
                <a:ext uri="{FF2B5EF4-FFF2-40B4-BE49-F238E27FC236}">
                  <a16:creationId xmlns:a16="http://schemas.microsoft.com/office/drawing/2014/main" id="{00000000-0008-0000-0200-00001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データ消去時の返却先は事前登録済みの場所になりま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0</xdr:colOff>
          <xdr:row>45</xdr:row>
          <xdr:rowOff>57150</xdr:rowOff>
        </xdr:from>
        <xdr:to>
          <xdr:col>41</xdr:col>
          <xdr:colOff>50800</xdr:colOff>
          <xdr:row>49</xdr:row>
          <xdr:rowOff>107950</xdr:rowOff>
        </xdr:to>
        <xdr:sp macro="" textlink="">
          <xdr:nvSpPr>
            <xdr:cNvPr id="2069" name="Group Box 21" hidden="1">
              <a:extLst>
                <a:ext uri="{63B3BB69-23CF-44E3-9099-C40C66FF867C}">
                  <a14:compatExt spid="_x0000_s2069"/>
                </a:ext>
                <a:ext uri="{FF2B5EF4-FFF2-40B4-BE49-F238E27FC236}">
                  <a16:creationId xmlns:a16="http://schemas.microsoft.com/office/drawing/2014/main" id="{00000000-0008-0000-0200-000015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32004" rIns="0" bIns="0" anchor="t" upright="1"/>
            <a:lstStyle/>
            <a:p>
              <a:pPr algn="l" rtl="0">
                <a:defRPr sz="1000"/>
              </a:pPr>
              <a:r>
                <a:rPr lang="ja-JP" altLang="en-US" sz="900" b="0" i="0" u="none" strike="noStrike" baseline="0">
                  <a:solidFill>
                    <a:srgbClr val="000000"/>
                  </a:solidFill>
                  <a:latin typeface="Meiryo UI"/>
                  <a:ea typeface="Meiryo UI"/>
                </a:rPr>
                <a:t>グループ 21</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30.xml"/><Relationship Id="rId13" Type="http://schemas.openxmlformats.org/officeDocument/2006/relationships/ctrlProp" Target="../ctrlProps/ctrlProp35.xml"/><Relationship Id="rId18" Type="http://schemas.openxmlformats.org/officeDocument/2006/relationships/ctrlProp" Target="../ctrlProps/ctrlProp40.xml"/><Relationship Id="rId3" Type="http://schemas.openxmlformats.org/officeDocument/2006/relationships/ctrlProp" Target="../ctrlProps/ctrlProp25.xml"/><Relationship Id="rId21" Type="http://schemas.openxmlformats.org/officeDocument/2006/relationships/ctrlProp" Target="../ctrlProps/ctrlProp43.xml"/><Relationship Id="rId7" Type="http://schemas.openxmlformats.org/officeDocument/2006/relationships/ctrlProp" Target="../ctrlProps/ctrlProp29.xml"/><Relationship Id="rId12" Type="http://schemas.openxmlformats.org/officeDocument/2006/relationships/ctrlProp" Target="../ctrlProps/ctrlProp34.xml"/><Relationship Id="rId17" Type="http://schemas.openxmlformats.org/officeDocument/2006/relationships/ctrlProp" Target="../ctrlProps/ctrlProp39.xml"/><Relationship Id="rId2" Type="http://schemas.openxmlformats.org/officeDocument/2006/relationships/vmlDrawing" Target="../drawings/vmlDrawing2.vml"/><Relationship Id="rId16" Type="http://schemas.openxmlformats.org/officeDocument/2006/relationships/ctrlProp" Target="../ctrlProps/ctrlProp38.xml"/><Relationship Id="rId20" Type="http://schemas.openxmlformats.org/officeDocument/2006/relationships/ctrlProp" Target="../ctrlProps/ctrlProp42.xml"/><Relationship Id="rId1" Type="http://schemas.openxmlformats.org/officeDocument/2006/relationships/drawing" Target="../drawings/drawing2.xml"/><Relationship Id="rId6" Type="http://schemas.openxmlformats.org/officeDocument/2006/relationships/ctrlProp" Target="../ctrlProps/ctrlProp28.xml"/><Relationship Id="rId11" Type="http://schemas.openxmlformats.org/officeDocument/2006/relationships/ctrlProp" Target="../ctrlProps/ctrlProp33.xml"/><Relationship Id="rId5" Type="http://schemas.openxmlformats.org/officeDocument/2006/relationships/ctrlProp" Target="../ctrlProps/ctrlProp27.xml"/><Relationship Id="rId15" Type="http://schemas.openxmlformats.org/officeDocument/2006/relationships/ctrlProp" Target="../ctrlProps/ctrlProp37.xml"/><Relationship Id="rId23" Type="http://schemas.openxmlformats.org/officeDocument/2006/relationships/ctrlProp" Target="../ctrlProps/ctrlProp45.xml"/><Relationship Id="rId10" Type="http://schemas.openxmlformats.org/officeDocument/2006/relationships/ctrlProp" Target="../ctrlProps/ctrlProp32.xml"/><Relationship Id="rId19" Type="http://schemas.openxmlformats.org/officeDocument/2006/relationships/ctrlProp" Target="../ctrlProps/ctrlProp41.xml"/><Relationship Id="rId4" Type="http://schemas.openxmlformats.org/officeDocument/2006/relationships/ctrlProp" Target="../ctrlProps/ctrlProp26.xml"/><Relationship Id="rId9" Type="http://schemas.openxmlformats.org/officeDocument/2006/relationships/ctrlProp" Target="../ctrlProps/ctrlProp31.xml"/><Relationship Id="rId14" Type="http://schemas.openxmlformats.org/officeDocument/2006/relationships/ctrlProp" Target="../ctrlProps/ctrlProp36.xml"/><Relationship Id="rId22" Type="http://schemas.openxmlformats.org/officeDocument/2006/relationships/ctrlProp" Target="../ctrlProps/ctrlProp44.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A56"/>
  <sheetViews>
    <sheetView showGridLines="0" tabSelected="1" view="pageBreakPreview" zoomScaleNormal="100" zoomScaleSheetLayoutView="100" workbookViewId="0">
      <selection sqref="A1:D1"/>
    </sheetView>
  </sheetViews>
  <sheetFormatPr defaultRowHeight="13" outlineLevelRow="1" x14ac:dyDescent="0.55000000000000004"/>
  <cols>
    <col min="1" max="1" width="1.25" style="2" customWidth="1"/>
    <col min="2" max="38" width="2.58203125" style="2" customWidth="1"/>
    <col min="39" max="39" width="4.5" style="2" customWidth="1"/>
    <col min="40" max="40" width="0.33203125" style="2" customWidth="1"/>
    <col min="41" max="41" width="1" style="2" customWidth="1"/>
    <col min="42" max="58" width="2.58203125" style="2" customWidth="1"/>
    <col min="59" max="59" width="3.5" style="2" customWidth="1"/>
    <col min="60" max="65" width="2.58203125" style="2" customWidth="1"/>
    <col min="66" max="76" width="9" style="2" customWidth="1"/>
    <col min="77" max="256" width="9" style="2"/>
    <col min="257" max="257" width="1.25" style="2" customWidth="1"/>
    <col min="258" max="294" width="2.58203125" style="2" customWidth="1"/>
    <col min="295" max="295" width="4.5" style="2" customWidth="1"/>
    <col min="296" max="296" width="0.33203125" style="2" customWidth="1"/>
    <col min="297" max="297" width="1" style="2" customWidth="1"/>
    <col min="298" max="321" width="2.58203125" style="2" customWidth="1"/>
    <col min="322" max="332" width="9" style="2" customWidth="1"/>
    <col min="333" max="512" width="9" style="2"/>
    <col min="513" max="513" width="1.25" style="2" customWidth="1"/>
    <col min="514" max="550" width="2.58203125" style="2" customWidth="1"/>
    <col min="551" max="551" width="4.5" style="2" customWidth="1"/>
    <col min="552" max="552" width="0.33203125" style="2" customWidth="1"/>
    <col min="553" max="553" width="1" style="2" customWidth="1"/>
    <col min="554" max="577" width="2.58203125" style="2" customWidth="1"/>
    <col min="578" max="588" width="9" style="2" customWidth="1"/>
    <col min="589" max="768" width="9" style="2"/>
    <col min="769" max="769" width="1.25" style="2" customWidth="1"/>
    <col min="770" max="806" width="2.58203125" style="2" customWidth="1"/>
    <col min="807" max="807" width="4.5" style="2" customWidth="1"/>
    <col min="808" max="808" width="0.33203125" style="2" customWidth="1"/>
    <col min="809" max="809" width="1" style="2" customWidth="1"/>
    <col min="810" max="833" width="2.58203125" style="2" customWidth="1"/>
    <col min="834" max="844" width="9" style="2" customWidth="1"/>
    <col min="845" max="1024" width="9" style="2"/>
    <col min="1025" max="1025" width="1.25" style="2" customWidth="1"/>
    <col min="1026" max="1062" width="2.58203125" style="2" customWidth="1"/>
    <col min="1063" max="1063" width="4.5" style="2" customWidth="1"/>
    <col min="1064" max="1064" width="0.33203125" style="2" customWidth="1"/>
    <col min="1065" max="1065" width="1" style="2" customWidth="1"/>
    <col min="1066" max="1089" width="2.58203125" style="2" customWidth="1"/>
    <col min="1090" max="1100" width="9" style="2" customWidth="1"/>
    <col min="1101" max="1280" width="9" style="2"/>
    <col min="1281" max="1281" width="1.25" style="2" customWidth="1"/>
    <col min="1282" max="1318" width="2.58203125" style="2" customWidth="1"/>
    <col min="1319" max="1319" width="4.5" style="2" customWidth="1"/>
    <col min="1320" max="1320" width="0.33203125" style="2" customWidth="1"/>
    <col min="1321" max="1321" width="1" style="2" customWidth="1"/>
    <col min="1322" max="1345" width="2.58203125" style="2" customWidth="1"/>
    <col min="1346" max="1356" width="9" style="2" customWidth="1"/>
    <col min="1357" max="1536" width="9" style="2"/>
    <col min="1537" max="1537" width="1.25" style="2" customWidth="1"/>
    <col min="1538" max="1574" width="2.58203125" style="2" customWidth="1"/>
    <col min="1575" max="1575" width="4.5" style="2" customWidth="1"/>
    <col min="1576" max="1576" width="0.33203125" style="2" customWidth="1"/>
    <col min="1577" max="1577" width="1" style="2" customWidth="1"/>
    <col min="1578" max="1601" width="2.58203125" style="2" customWidth="1"/>
    <col min="1602" max="1612" width="9" style="2" customWidth="1"/>
    <col min="1613" max="1792" width="9" style="2"/>
    <col min="1793" max="1793" width="1.25" style="2" customWidth="1"/>
    <col min="1794" max="1830" width="2.58203125" style="2" customWidth="1"/>
    <col min="1831" max="1831" width="4.5" style="2" customWidth="1"/>
    <col min="1832" max="1832" width="0.33203125" style="2" customWidth="1"/>
    <col min="1833" max="1833" width="1" style="2" customWidth="1"/>
    <col min="1834" max="1857" width="2.58203125" style="2" customWidth="1"/>
    <col min="1858" max="1868" width="9" style="2" customWidth="1"/>
    <col min="1869" max="2048" width="9" style="2"/>
    <col min="2049" max="2049" width="1.25" style="2" customWidth="1"/>
    <col min="2050" max="2086" width="2.58203125" style="2" customWidth="1"/>
    <col min="2087" max="2087" width="4.5" style="2" customWidth="1"/>
    <col min="2088" max="2088" width="0.33203125" style="2" customWidth="1"/>
    <col min="2089" max="2089" width="1" style="2" customWidth="1"/>
    <col min="2090" max="2113" width="2.58203125" style="2" customWidth="1"/>
    <col min="2114" max="2124" width="9" style="2" customWidth="1"/>
    <col min="2125" max="2304" width="9" style="2"/>
    <col min="2305" max="2305" width="1.25" style="2" customWidth="1"/>
    <col min="2306" max="2342" width="2.58203125" style="2" customWidth="1"/>
    <col min="2343" max="2343" width="4.5" style="2" customWidth="1"/>
    <col min="2344" max="2344" width="0.33203125" style="2" customWidth="1"/>
    <col min="2345" max="2345" width="1" style="2" customWidth="1"/>
    <col min="2346" max="2369" width="2.58203125" style="2" customWidth="1"/>
    <col min="2370" max="2380" width="9" style="2" customWidth="1"/>
    <col min="2381" max="2560" width="9" style="2"/>
    <col min="2561" max="2561" width="1.25" style="2" customWidth="1"/>
    <col min="2562" max="2598" width="2.58203125" style="2" customWidth="1"/>
    <col min="2599" max="2599" width="4.5" style="2" customWidth="1"/>
    <col min="2600" max="2600" width="0.33203125" style="2" customWidth="1"/>
    <col min="2601" max="2601" width="1" style="2" customWidth="1"/>
    <col min="2602" max="2625" width="2.58203125" style="2" customWidth="1"/>
    <col min="2626" max="2636" width="9" style="2" customWidth="1"/>
    <col min="2637" max="2816" width="9" style="2"/>
    <col min="2817" max="2817" width="1.25" style="2" customWidth="1"/>
    <col min="2818" max="2854" width="2.58203125" style="2" customWidth="1"/>
    <col min="2855" max="2855" width="4.5" style="2" customWidth="1"/>
    <col min="2856" max="2856" width="0.33203125" style="2" customWidth="1"/>
    <col min="2857" max="2857" width="1" style="2" customWidth="1"/>
    <col min="2858" max="2881" width="2.58203125" style="2" customWidth="1"/>
    <col min="2882" max="2892" width="9" style="2" customWidth="1"/>
    <col min="2893" max="3072" width="9" style="2"/>
    <col min="3073" max="3073" width="1.25" style="2" customWidth="1"/>
    <col min="3074" max="3110" width="2.58203125" style="2" customWidth="1"/>
    <col min="3111" max="3111" width="4.5" style="2" customWidth="1"/>
    <col min="3112" max="3112" width="0.33203125" style="2" customWidth="1"/>
    <col min="3113" max="3113" width="1" style="2" customWidth="1"/>
    <col min="3114" max="3137" width="2.58203125" style="2" customWidth="1"/>
    <col min="3138" max="3148" width="9" style="2" customWidth="1"/>
    <col min="3149" max="3328" width="9" style="2"/>
    <col min="3329" max="3329" width="1.25" style="2" customWidth="1"/>
    <col min="3330" max="3366" width="2.58203125" style="2" customWidth="1"/>
    <col min="3367" max="3367" width="4.5" style="2" customWidth="1"/>
    <col min="3368" max="3368" width="0.33203125" style="2" customWidth="1"/>
    <col min="3369" max="3369" width="1" style="2" customWidth="1"/>
    <col min="3370" max="3393" width="2.58203125" style="2" customWidth="1"/>
    <col min="3394" max="3404" width="9" style="2" customWidth="1"/>
    <col min="3405" max="3584" width="9" style="2"/>
    <col min="3585" max="3585" width="1.25" style="2" customWidth="1"/>
    <col min="3586" max="3622" width="2.58203125" style="2" customWidth="1"/>
    <col min="3623" max="3623" width="4.5" style="2" customWidth="1"/>
    <col min="3624" max="3624" width="0.33203125" style="2" customWidth="1"/>
    <col min="3625" max="3625" width="1" style="2" customWidth="1"/>
    <col min="3626" max="3649" width="2.58203125" style="2" customWidth="1"/>
    <col min="3650" max="3660" width="9" style="2" customWidth="1"/>
    <col min="3661" max="3840" width="9" style="2"/>
    <col min="3841" max="3841" width="1.25" style="2" customWidth="1"/>
    <col min="3842" max="3878" width="2.58203125" style="2" customWidth="1"/>
    <col min="3879" max="3879" width="4.5" style="2" customWidth="1"/>
    <col min="3880" max="3880" width="0.33203125" style="2" customWidth="1"/>
    <col min="3881" max="3881" width="1" style="2" customWidth="1"/>
    <col min="3882" max="3905" width="2.58203125" style="2" customWidth="1"/>
    <col min="3906" max="3916" width="9" style="2" customWidth="1"/>
    <col min="3917" max="4096" width="9" style="2"/>
    <col min="4097" max="4097" width="1.25" style="2" customWidth="1"/>
    <col min="4098" max="4134" width="2.58203125" style="2" customWidth="1"/>
    <col min="4135" max="4135" width="4.5" style="2" customWidth="1"/>
    <col min="4136" max="4136" width="0.33203125" style="2" customWidth="1"/>
    <col min="4137" max="4137" width="1" style="2" customWidth="1"/>
    <col min="4138" max="4161" width="2.58203125" style="2" customWidth="1"/>
    <col min="4162" max="4172" width="9" style="2" customWidth="1"/>
    <col min="4173" max="4352" width="9" style="2"/>
    <col min="4353" max="4353" width="1.25" style="2" customWidth="1"/>
    <col min="4354" max="4390" width="2.58203125" style="2" customWidth="1"/>
    <col min="4391" max="4391" width="4.5" style="2" customWidth="1"/>
    <col min="4392" max="4392" width="0.33203125" style="2" customWidth="1"/>
    <col min="4393" max="4393" width="1" style="2" customWidth="1"/>
    <col min="4394" max="4417" width="2.58203125" style="2" customWidth="1"/>
    <col min="4418" max="4428" width="9" style="2" customWidth="1"/>
    <col min="4429" max="4608" width="9" style="2"/>
    <col min="4609" max="4609" width="1.25" style="2" customWidth="1"/>
    <col min="4610" max="4646" width="2.58203125" style="2" customWidth="1"/>
    <col min="4647" max="4647" width="4.5" style="2" customWidth="1"/>
    <col min="4648" max="4648" width="0.33203125" style="2" customWidth="1"/>
    <col min="4649" max="4649" width="1" style="2" customWidth="1"/>
    <col min="4650" max="4673" width="2.58203125" style="2" customWidth="1"/>
    <col min="4674" max="4684" width="9" style="2" customWidth="1"/>
    <col min="4685" max="4864" width="9" style="2"/>
    <col min="4865" max="4865" width="1.25" style="2" customWidth="1"/>
    <col min="4866" max="4902" width="2.58203125" style="2" customWidth="1"/>
    <col min="4903" max="4903" width="4.5" style="2" customWidth="1"/>
    <col min="4904" max="4904" width="0.33203125" style="2" customWidth="1"/>
    <col min="4905" max="4905" width="1" style="2" customWidth="1"/>
    <col min="4906" max="4929" width="2.58203125" style="2" customWidth="1"/>
    <col min="4930" max="4940" width="9" style="2" customWidth="1"/>
    <col min="4941" max="5120" width="9" style="2"/>
    <col min="5121" max="5121" width="1.25" style="2" customWidth="1"/>
    <col min="5122" max="5158" width="2.58203125" style="2" customWidth="1"/>
    <col min="5159" max="5159" width="4.5" style="2" customWidth="1"/>
    <col min="5160" max="5160" width="0.33203125" style="2" customWidth="1"/>
    <col min="5161" max="5161" width="1" style="2" customWidth="1"/>
    <col min="5162" max="5185" width="2.58203125" style="2" customWidth="1"/>
    <col min="5186" max="5196" width="9" style="2" customWidth="1"/>
    <col min="5197" max="5376" width="9" style="2"/>
    <col min="5377" max="5377" width="1.25" style="2" customWidth="1"/>
    <col min="5378" max="5414" width="2.58203125" style="2" customWidth="1"/>
    <col min="5415" max="5415" width="4.5" style="2" customWidth="1"/>
    <col min="5416" max="5416" width="0.33203125" style="2" customWidth="1"/>
    <col min="5417" max="5417" width="1" style="2" customWidth="1"/>
    <col min="5418" max="5441" width="2.58203125" style="2" customWidth="1"/>
    <col min="5442" max="5452" width="9" style="2" customWidth="1"/>
    <col min="5453" max="5632" width="9" style="2"/>
    <col min="5633" max="5633" width="1.25" style="2" customWidth="1"/>
    <col min="5634" max="5670" width="2.58203125" style="2" customWidth="1"/>
    <col min="5671" max="5671" width="4.5" style="2" customWidth="1"/>
    <col min="5672" max="5672" width="0.33203125" style="2" customWidth="1"/>
    <col min="5673" max="5673" width="1" style="2" customWidth="1"/>
    <col min="5674" max="5697" width="2.58203125" style="2" customWidth="1"/>
    <col min="5698" max="5708" width="9" style="2" customWidth="1"/>
    <col min="5709" max="5888" width="9" style="2"/>
    <col min="5889" max="5889" width="1.25" style="2" customWidth="1"/>
    <col min="5890" max="5926" width="2.58203125" style="2" customWidth="1"/>
    <col min="5927" max="5927" width="4.5" style="2" customWidth="1"/>
    <col min="5928" max="5928" width="0.33203125" style="2" customWidth="1"/>
    <col min="5929" max="5929" width="1" style="2" customWidth="1"/>
    <col min="5930" max="5953" width="2.58203125" style="2" customWidth="1"/>
    <col min="5954" max="5964" width="9" style="2" customWidth="1"/>
    <col min="5965" max="6144" width="9" style="2"/>
    <col min="6145" max="6145" width="1.25" style="2" customWidth="1"/>
    <col min="6146" max="6182" width="2.58203125" style="2" customWidth="1"/>
    <col min="6183" max="6183" width="4.5" style="2" customWidth="1"/>
    <col min="6184" max="6184" width="0.33203125" style="2" customWidth="1"/>
    <col min="6185" max="6185" width="1" style="2" customWidth="1"/>
    <col min="6186" max="6209" width="2.58203125" style="2" customWidth="1"/>
    <col min="6210" max="6220" width="9" style="2" customWidth="1"/>
    <col min="6221" max="6400" width="9" style="2"/>
    <col min="6401" max="6401" width="1.25" style="2" customWidth="1"/>
    <col min="6402" max="6438" width="2.58203125" style="2" customWidth="1"/>
    <col min="6439" max="6439" width="4.5" style="2" customWidth="1"/>
    <col min="6440" max="6440" width="0.33203125" style="2" customWidth="1"/>
    <col min="6441" max="6441" width="1" style="2" customWidth="1"/>
    <col min="6442" max="6465" width="2.58203125" style="2" customWidth="1"/>
    <col min="6466" max="6476" width="9" style="2" customWidth="1"/>
    <col min="6477" max="6656" width="9" style="2"/>
    <col min="6657" max="6657" width="1.25" style="2" customWidth="1"/>
    <col min="6658" max="6694" width="2.58203125" style="2" customWidth="1"/>
    <col min="6695" max="6695" width="4.5" style="2" customWidth="1"/>
    <col min="6696" max="6696" width="0.33203125" style="2" customWidth="1"/>
    <col min="6697" max="6697" width="1" style="2" customWidth="1"/>
    <col min="6698" max="6721" width="2.58203125" style="2" customWidth="1"/>
    <col min="6722" max="6732" width="9" style="2" customWidth="1"/>
    <col min="6733" max="6912" width="9" style="2"/>
    <col min="6913" max="6913" width="1.25" style="2" customWidth="1"/>
    <col min="6914" max="6950" width="2.58203125" style="2" customWidth="1"/>
    <col min="6951" max="6951" width="4.5" style="2" customWidth="1"/>
    <col min="6952" max="6952" width="0.33203125" style="2" customWidth="1"/>
    <col min="6953" max="6953" width="1" style="2" customWidth="1"/>
    <col min="6954" max="6977" width="2.58203125" style="2" customWidth="1"/>
    <col min="6978" max="6988" width="9" style="2" customWidth="1"/>
    <col min="6989" max="7168" width="9" style="2"/>
    <col min="7169" max="7169" width="1.25" style="2" customWidth="1"/>
    <col min="7170" max="7206" width="2.58203125" style="2" customWidth="1"/>
    <col min="7207" max="7207" width="4.5" style="2" customWidth="1"/>
    <col min="7208" max="7208" width="0.33203125" style="2" customWidth="1"/>
    <col min="7209" max="7209" width="1" style="2" customWidth="1"/>
    <col min="7210" max="7233" width="2.58203125" style="2" customWidth="1"/>
    <col min="7234" max="7244" width="9" style="2" customWidth="1"/>
    <col min="7245" max="7424" width="9" style="2"/>
    <col min="7425" max="7425" width="1.25" style="2" customWidth="1"/>
    <col min="7426" max="7462" width="2.58203125" style="2" customWidth="1"/>
    <col min="7463" max="7463" width="4.5" style="2" customWidth="1"/>
    <col min="7464" max="7464" width="0.33203125" style="2" customWidth="1"/>
    <col min="7465" max="7465" width="1" style="2" customWidth="1"/>
    <col min="7466" max="7489" width="2.58203125" style="2" customWidth="1"/>
    <col min="7490" max="7500" width="9" style="2" customWidth="1"/>
    <col min="7501" max="7680" width="9" style="2"/>
    <col min="7681" max="7681" width="1.25" style="2" customWidth="1"/>
    <col min="7682" max="7718" width="2.58203125" style="2" customWidth="1"/>
    <col min="7719" max="7719" width="4.5" style="2" customWidth="1"/>
    <col min="7720" max="7720" width="0.33203125" style="2" customWidth="1"/>
    <col min="7721" max="7721" width="1" style="2" customWidth="1"/>
    <col min="7722" max="7745" width="2.58203125" style="2" customWidth="1"/>
    <col min="7746" max="7756" width="9" style="2" customWidth="1"/>
    <col min="7757" max="7936" width="9" style="2"/>
    <col min="7937" max="7937" width="1.25" style="2" customWidth="1"/>
    <col min="7938" max="7974" width="2.58203125" style="2" customWidth="1"/>
    <col min="7975" max="7975" width="4.5" style="2" customWidth="1"/>
    <col min="7976" max="7976" width="0.33203125" style="2" customWidth="1"/>
    <col min="7977" max="7977" width="1" style="2" customWidth="1"/>
    <col min="7978" max="8001" width="2.58203125" style="2" customWidth="1"/>
    <col min="8002" max="8012" width="9" style="2" customWidth="1"/>
    <col min="8013" max="8192" width="9" style="2"/>
    <col min="8193" max="8193" width="1.25" style="2" customWidth="1"/>
    <col min="8194" max="8230" width="2.58203125" style="2" customWidth="1"/>
    <col min="8231" max="8231" width="4.5" style="2" customWidth="1"/>
    <col min="8232" max="8232" width="0.33203125" style="2" customWidth="1"/>
    <col min="8233" max="8233" width="1" style="2" customWidth="1"/>
    <col min="8234" max="8257" width="2.58203125" style="2" customWidth="1"/>
    <col min="8258" max="8268" width="9" style="2" customWidth="1"/>
    <col min="8269" max="8448" width="9" style="2"/>
    <col min="8449" max="8449" width="1.25" style="2" customWidth="1"/>
    <col min="8450" max="8486" width="2.58203125" style="2" customWidth="1"/>
    <col min="8487" max="8487" width="4.5" style="2" customWidth="1"/>
    <col min="8488" max="8488" width="0.33203125" style="2" customWidth="1"/>
    <col min="8489" max="8489" width="1" style="2" customWidth="1"/>
    <col min="8490" max="8513" width="2.58203125" style="2" customWidth="1"/>
    <col min="8514" max="8524" width="9" style="2" customWidth="1"/>
    <col min="8525" max="8704" width="9" style="2"/>
    <col min="8705" max="8705" width="1.25" style="2" customWidth="1"/>
    <col min="8706" max="8742" width="2.58203125" style="2" customWidth="1"/>
    <col min="8743" max="8743" width="4.5" style="2" customWidth="1"/>
    <col min="8744" max="8744" width="0.33203125" style="2" customWidth="1"/>
    <col min="8745" max="8745" width="1" style="2" customWidth="1"/>
    <col min="8746" max="8769" width="2.58203125" style="2" customWidth="1"/>
    <col min="8770" max="8780" width="9" style="2" customWidth="1"/>
    <col min="8781" max="8960" width="9" style="2"/>
    <col min="8961" max="8961" width="1.25" style="2" customWidth="1"/>
    <col min="8962" max="8998" width="2.58203125" style="2" customWidth="1"/>
    <col min="8999" max="8999" width="4.5" style="2" customWidth="1"/>
    <col min="9000" max="9000" width="0.33203125" style="2" customWidth="1"/>
    <col min="9001" max="9001" width="1" style="2" customWidth="1"/>
    <col min="9002" max="9025" width="2.58203125" style="2" customWidth="1"/>
    <col min="9026" max="9036" width="9" style="2" customWidth="1"/>
    <col min="9037" max="9216" width="9" style="2"/>
    <col min="9217" max="9217" width="1.25" style="2" customWidth="1"/>
    <col min="9218" max="9254" width="2.58203125" style="2" customWidth="1"/>
    <col min="9255" max="9255" width="4.5" style="2" customWidth="1"/>
    <col min="9256" max="9256" width="0.33203125" style="2" customWidth="1"/>
    <col min="9257" max="9257" width="1" style="2" customWidth="1"/>
    <col min="9258" max="9281" width="2.58203125" style="2" customWidth="1"/>
    <col min="9282" max="9292" width="9" style="2" customWidth="1"/>
    <col min="9293" max="9472" width="9" style="2"/>
    <col min="9473" max="9473" width="1.25" style="2" customWidth="1"/>
    <col min="9474" max="9510" width="2.58203125" style="2" customWidth="1"/>
    <col min="9511" max="9511" width="4.5" style="2" customWidth="1"/>
    <col min="9512" max="9512" width="0.33203125" style="2" customWidth="1"/>
    <col min="9513" max="9513" width="1" style="2" customWidth="1"/>
    <col min="9514" max="9537" width="2.58203125" style="2" customWidth="1"/>
    <col min="9538" max="9548" width="9" style="2" customWidth="1"/>
    <col min="9549" max="9728" width="9" style="2"/>
    <col min="9729" max="9729" width="1.25" style="2" customWidth="1"/>
    <col min="9730" max="9766" width="2.58203125" style="2" customWidth="1"/>
    <col min="9767" max="9767" width="4.5" style="2" customWidth="1"/>
    <col min="9768" max="9768" width="0.33203125" style="2" customWidth="1"/>
    <col min="9769" max="9769" width="1" style="2" customWidth="1"/>
    <col min="9770" max="9793" width="2.58203125" style="2" customWidth="1"/>
    <col min="9794" max="9804" width="9" style="2" customWidth="1"/>
    <col min="9805" max="9984" width="9" style="2"/>
    <col min="9985" max="9985" width="1.25" style="2" customWidth="1"/>
    <col min="9986" max="10022" width="2.58203125" style="2" customWidth="1"/>
    <col min="10023" max="10023" width="4.5" style="2" customWidth="1"/>
    <col min="10024" max="10024" width="0.33203125" style="2" customWidth="1"/>
    <col min="10025" max="10025" width="1" style="2" customWidth="1"/>
    <col min="10026" max="10049" width="2.58203125" style="2" customWidth="1"/>
    <col min="10050" max="10060" width="9" style="2" customWidth="1"/>
    <col min="10061" max="10240" width="9" style="2"/>
    <col min="10241" max="10241" width="1.25" style="2" customWidth="1"/>
    <col min="10242" max="10278" width="2.58203125" style="2" customWidth="1"/>
    <col min="10279" max="10279" width="4.5" style="2" customWidth="1"/>
    <col min="10280" max="10280" width="0.33203125" style="2" customWidth="1"/>
    <col min="10281" max="10281" width="1" style="2" customWidth="1"/>
    <col min="10282" max="10305" width="2.58203125" style="2" customWidth="1"/>
    <col min="10306" max="10316" width="9" style="2" customWidth="1"/>
    <col min="10317" max="10496" width="9" style="2"/>
    <col min="10497" max="10497" width="1.25" style="2" customWidth="1"/>
    <col min="10498" max="10534" width="2.58203125" style="2" customWidth="1"/>
    <col min="10535" max="10535" width="4.5" style="2" customWidth="1"/>
    <col min="10536" max="10536" width="0.33203125" style="2" customWidth="1"/>
    <col min="10537" max="10537" width="1" style="2" customWidth="1"/>
    <col min="10538" max="10561" width="2.58203125" style="2" customWidth="1"/>
    <col min="10562" max="10572" width="9" style="2" customWidth="1"/>
    <col min="10573" max="10752" width="9" style="2"/>
    <col min="10753" max="10753" width="1.25" style="2" customWidth="1"/>
    <col min="10754" max="10790" width="2.58203125" style="2" customWidth="1"/>
    <col min="10791" max="10791" width="4.5" style="2" customWidth="1"/>
    <col min="10792" max="10792" width="0.33203125" style="2" customWidth="1"/>
    <col min="10793" max="10793" width="1" style="2" customWidth="1"/>
    <col min="10794" max="10817" width="2.58203125" style="2" customWidth="1"/>
    <col min="10818" max="10828" width="9" style="2" customWidth="1"/>
    <col min="10829" max="11008" width="9" style="2"/>
    <col min="11009" max="11009" width="1.25" style="2" customWidth="1"/>
    <col min="11010" max="11046" width="2.58203125" style="2" customWidth="1"/>
    <col min="11047" max="11047" width="4.5" style="2" customWidth="1"/>
    <col min="11048" max="11048" width="0.33203125" style="2" customWidth="1"/>
    <col min="11049" max="11049" width="1" style="2" customWidth="1"/>
    <col min="11050" max="11073" width="2.58203125" style="2" customWidth="1"/>
    <col min="11074" max="11084" width="9" style="2" customWidth="1"/>
    <col min="11085" max="11264" width="9" style="2"/>
    <col min="11265" max="11265" width="1.25" style="2" customWidth="1"/>
    <col min="11266" max="11302" width="2.58203125" style="2" customWidth="1"/>
    <col min="11303" max="11303" width="4.5" style="2" customWidth="1"/>
    <col min="11304" max="11304" width="0.33203125" style="2" customWidth="1"/>
    <col min="11305" max="11305" width="1" style="2" customWidth="1"/>
    <col min="11306" max="11329" width="2.58203125" style="2" customWidth="1"/>
    <col min="11330" max="11340" width="9" style="2" customWidth="1"/>
    <col min="11341" max="11520" width="9" style="2"/>
    <col min="11521" max="11521" width="1.25" style="2" customWidth="1"/>
    <col min="11522" max="11558" width="2.58203125" style="2" customWidth="1"/>
    <col min="11559" max="11559" width="4.5" style="2" customWidth="1"/>
    <col min="11560" max="11560" width="0.33203125" style="2" customWidth="1"/>
    <col min="11561" max="11561" width="1" style="2" customWidth="1"/>
    <col min="11562" max="11585" width="2.58203125" style="2" customWidth="1"/>
    <col min="11586" max="11596" width="9" style="2" customWidth="1"/>
    <col min="11597" max="11776" width="9" style="2"/>
    <col min="11777" max="11777" width="1.25" style="2" customWidth="1"/>
    <col min="11778" max="11814" width="2.58203125" style="2" customWidth="1"/>
    <col min="11815" max="11815" width="4.5" style="2" customWidth="1"/>
    <col min="11816" max="11816" width="0.33203125" style="2" customWidth="1"/>
    <col min="11817" max="11817" width="1" style="2" customWidth="1"/>
    <col min="11818" max="11841" width="2.58203125" style="2" customWidth="1"/>
    <col min="11842" max="11852" width="9" style="2" customWidth="1"/>
    <col min="11853" max="12032" width="9" style="2"/>
    <col min="12033" max="12033" width="1.25" style="2" customWidth="1"/>
    <col min="12034" max="12070" width="2.58203125" style="2" customWidth="1"/>
    <col min="12071" max="12071" width="4.5" style="2" customWidth="1"/>
    <col min="12072" max="12072" width="0.33203125" style="2" customWidth="1"/>
    <col min="12073" max="12073" width="1" style="2" customWidth="1"/>
    <col min="12074" max="12097" width="2.58203125" style="2" customWidth="1"/>
    <col min="12098" max="12108" width="9" style="2" customWidth="1"/>
    <col min="12109" max="12288" width="9" style="2"/>
    <col min="12289" max="12289" width="1.25" style="2" customWidth="1"/>
    <col min="12290" max="12326" width="2.58203125" style="2" customWidth="1"/>
    <col min="12327" max="12327" width="4.5" style="2" customWidth="1"/>
    <col min="12328" max="12328" width="0.33203125" style="2" customWidth="1"/>
    <col min="12329" max="12329" width="1" style="2" customWidth="1"/>
    <col min="12330" max="12353" width="2.58203125" style="2" customWidth="1"/>
    <col min="12354" max="12364" width="9" style="2" customWidth="1"/>
    <col min="12365" max="12544" width="9" style="2"/>
    <col min="12545" max="12545" width="1.25" style="2" customWidth="1"/>
    <col min="12546" max="12582" width="2.58203125" style="2" customWidth="1"/>
    <col min="12583" max="12583" width="4.5" style="2" customWidth="1"/>
    <col min="12584" max="12584" width="0.33203125" style="2" customWidth="1"/>
    <col min="12585" max="12585" width="1" style="2" customWidth="1"/>
    <col min="12586" max="12609" width="2.58203125" style="2" customWidth="1"/>
    <col min="12610" max="12620" width="9" style="2" customWidth="1"/>
    <col min="12621" max="12800" width="9" style="2"/>
    <col min="12801" max="12801" width="1.25" style="2" customWidth="1"/>
    <col min="12802" max="12838" width="2.58203125" style="2" customWidth="1"/>
    <col min="12839" max="12839" width="4.5" style="2" customWidth="1"/>
    <col min="12840" max="12840" width="0.33203125" style="2" customWidth="1"/>
    <col min="12841" max="12841" width="1" style="2" customWidth="1"/>
    <col min="12842" max="12865" width="2.58203125" style="2" customWidth="1"/>
    <col min="12866" max="12876" width="9" style="2" customWidth="1"/>
    <col min="12877" max="13056" width="9" style="2"/>
    <col min="13057" max="13057" width="1.25" style="2" customWidth="1"/>
    <col min="13058" max="13094" width="2.58203125" style="2" customWidth="1"/>
    <col min="13095" max="13095" width="4.5" style="2" customWidth="1"/>
    <col min="13096" max="13096" width="0.33203125" style="2" customWidth="1"/>
    <col min="13097" max="13097" width="1" style="2" customWidth="1"/>
    <col min="13098" max="13121" width="2.58203125" style="2" customWidth="1"/>
    <col min="13122" max="13132" width="9" style="2" customWidth="1"/>
    <col min="13133" max="13312" width="9" style="2"/>
    <col min="13313" max="13313" width="1.25" style="2" customWidth="1"/>
    <col min="13314" max="13350" width="2.58203125" style="2" customWidth="1"/>
    <col min="13351" max="13351" width="4.5" style="2" customWidth="1"/>
    <col min="13352" max="13352" width="0.33203125" style="2" customWidth="1"/>
    <col min="13353" max="13353" width="1" style="2" customWidth="1"/>
    <col min="13354" max="13377" width="2.58203125" style="2" customWidth="1"/>
    <col min="13378" max="13388" width="9" style="2" customWidth="1"/>
    <col min="13389" max="13568" width="9" style="2"/>
    <col min="13569" max="13569" width="1.25" style="2" customWidth="1"/>
    <col min="13570" max="13606" width="2.58203125" style="2" customWidth="1"/>
    <col min="13607" max="13607" width="4.5" style="2" customWidth="1"/>
    <col min="13608" max="13608" width="0.33203125" style="2" customWidth="1"/>
    <col min="13609" max="13609" width="1" style="2" customWidth="1"/>
    <col min="13610" max="13633" width="2.58203125" style="2" customWidth="1"/>
    <col min="13634" max="13644" width="9" style="2" customWidth="1"/>
    <col min="13645" max="13824" width="9" style="2"/>
    <col min="13825" max="13825" width="1.25" style="2" customWidth="1"/>
    <col min="13826" max="13862" width="2.58203125" style="2" customWidth="1"/>
    <col min="13863" max="13863" width="4.5" style="2" customWidth="1"/>
    <col min="13864" max="13864" width="0.33203125" style="2" customWidth="1"/>
    <col min="13865" max="13865" width="1" style="2" customWidth="1"/>
    <col min="13866" max="13889" width="2.58203125" style="2" customWidth="1"/>
    <col min="13890" max="13900" width="9" style="2" customWidth="1"/>
    <col min="13901" max="14080" width="9" style="2"/>
    <col min="14081" max="14081" width="1.25" style="2" customWidth="1"/>
    <col min="14082" max="14118" width="2.58203125" style="2" customWidth="1"/>
    <col min="14119" max="14119" width="4.5" style="2" customWidth="1"/>
    <col min="14120" max="14120" width="0.33203125" style="2" customWidth="1"/>
    <col min="14121" max="14121" width="1" style="2" customWidth="1"/>
    <col min="14122" max="14145" width="2.58203125" style="2" customWidth="1"/>
    <col min="14146" max="14156" width="9" style="2" customWidth="1"/>
    <col min="14157" max="14336" width="9" style="2"/>
    <col min="14337" max="14337" width="1.25" style="2" customWidth="1"/>
    <col min="14338" max="14374" width="2.58203125" style="2" customWidth="1"/>
    <col min="14375" max="14375" width="4.5" style="2" customWidth="1"/>
    <col min="14376" max="14376" width="0.33203125" style="2" customWidth="1"/>
    <col min="14377" max="14377" width="1" style="2" customWidth="1"/>
    <col min="14378" max="14401" width="2.58203125" style="2" customWidth="1"/>
    <col min="14402" max="14412" width="9" style="2" customWidth="1"/>
    <col min="14413" max="14592" width="9" style="2"/>
    <col min="14593" max="14593" width="1.25" style="2" customWidth="1"/>
    <col min="14594" max="14630" width="2.58203125" style="2" customWidth="1"/>
    <col min="14631" max="14631" width="4.5" style="2" customWidth="1"/>
    <col min="14632" max="14632" width="0.33203125" style="2" customWidth="1"/>
    <col min="14633" max="14633" width="1" style="2" customWidth="1"/>
    <col min="14634" max="14657" width="2.58203125" style="2" customWidth="1"/>
    <col min="14658" max="14668" width="9" style="2" customWidth="1"/>
    <col min="14669" max="14848" width="9" style="2"/>
    <col min="14849" max="14849" width="1.25" style="2" customWidth="1"/>
    <col min="14850" max="14886" width="2.58203125" style="2" customWidth="1"/>
    <col min="14887" max="14887" width="4.5" style="2" customWidth="1"/>
    <col min="14888" max="14888" width="0.33203125" style="2" customWidth="1"/>
    <col min="14889" max="14889" width="1" style="2" customWidth="1"/>
    <col min="14890" max="14913" width="2.58203125" style="2" customWidth="1"/>
    <col min="14914" max="14924" width="9" style="2" customWidth="1"/>
    <col min="14925" max="15104" width="9" style="2"/>
    <col min="15105" max="15105" width="1.25" style="2" customWidth="1"/>
    <col min="15106" max="15142" width="2.58203125" style="2" customWidth="1"/>
    <col min="15143" max="15143" width="4.5" style="2" customWidth="1"/>
    <col min="15144" max="15144" width="0.33203125" style="2" customWidth="1"/>
    <col min="15145" max="15145" width="1" style="2" customWidth="1"/>
    <col min="15146" max="15169" width="2.58203125" style="2" customWidth="1"/>
    <col min="15170" max="15180" width="9" style="2" customWidth="1"/>
    <col min="15181" max="15360" width="9" style="2"/>
    <col min="15361" max="15361" width="1.25" style="2" customWidth="1"/>
    <col min="15362" max="15398" width="2.58203125" style="2" customWidth="1"/>
    <col min="15399" max="15399" width="4.5" style="2" customWidth="1"/>
    <col min="15400" max="15400" width="0.33203125" style="2" customWidth="1"/>
    <col min="15401" max="15401" width="1" style="2" customWidth="1"/>
    <col min="15402" max="15425" width="2.58203125" style="2" customWidth="1"/>
    <col min="15426" max="15436" width="9" style="2" customWidth="1"/>
    <col min="15437" max="15616" width="9" style="2"/>
    <col min="15617" max="15617" width="1.25" style="2" customWidth="1"/>
    <col min="15618" max="15654" width="2.58203125" style="2" customWidth="1"/>
    <col min="15655" max="15655" width="4.5" style="2" customWidth="1"/>
    <col min="15656" max="15656" width="0.33203125" style="2" customWidth="1"/>
    <col min="15657" max="15657" width="1" style="2" customWidth="1"/>
    <col min="15658" max="15681" width="2.58203125" style="2" customWidth="1"/>
    <col min="15682" max="15692" width="9" style="2" customWidth="1"/>
    <col min="15693" max="15872" width="9" style="2"/>
    <col min="15873" max="15873" width="1.25" style="2" customWidth="1"/>
    <col min="15874" max="15910" width="2.58203125" style="2" customWidth="1"/>
    <col min="15911" max="15911" width="4.5" style="2" customWidth="1"/>
    <col min="15912" max="15912" width="0.33203125" style="2" customWidth="1"/>
    <col min="15913" max="15913" width="1" style="2" customWidth="1"/>
    <col min="15914" max="15937" width="2.58203125" style="2" customWidth="1"/>
    <col min="15938" max="15948" width="9" style="2" customWidth="1"/>
    <col min="15949" max="16128" width="9" style="2"/>
    <col min="16129" max="16129" width="1.25" style="2" customWidth="1"/>
    <col min="16130" max="16166" width="2.58203125" style="2" customWidth="1"/>
    <col min="16167" max="16167" width="4.5" style="2" customWidth="1"/>
    <col min="16168" max="16168" width="0.33203125" style="2" customWidth="1"/>
    <col min="16169" max="16169" width="1" style="2" customWidth="1"/>
    <col min="16170" max="16193" width="2.58203125" style="2" customWidth="1"/>
    <col min="16194" max="16204" width="9" style="2" customWidth="1"/>
    <col min="16205" max="16384" width="9" style="2"/>
  </cols>
  <sheetData>
    <row r="1" spans="1:53" s="1" customFormat="1" ht="13.5" customHeight="1" x14ac:dyDescent="0.55000000000000004">
      <c r="A1" s="150" t="s">
        <v>180</v>
      </c>
      <c r="B1" s="151"/>
      <c r="C1" s="151"/>
      <c r="D1" s="151"/>
      <c r="E1" s="152" t="s">
        <v>154</v>
      </c>
      <c r="F1" s="153"/>
      <c r="G1" s="153"/>
      <c r="H1" s="153"/>
      <c r="I1" s="153"/>
      <c r="J1" s="153"/>
      <c r="K1" s="153"/>
      <c r="L1" s="153"/>
      <c r="M1" s="153"/>
      <c r="N1" s="153"/>
      <c r="O1" s="153"/>
      <c r="P1" s="153"/>
      <c r="Q1" s="153"/>
      <c r="R1" s="153"/>
      <c r="S1" s="153"/>
      <c r="T1" s="153"/>
      <c r="U1" s="153"/>
      <c r="V1" s="153"/>
      <c r="W1" s="154" t="s">
        <v>155</v>
      </c>
      <c r="X1" s="155"/>
      <c r="Y1" s="155"/>
      <c r="Z1" s="178"/>
      <c r="AA1" s="179"/>
      <c r="AB1" s="179"/>
      <c r="AC1" s="179"/>
      <c r="AD1" s="179"/>
      <c r="AE1" s="90" t="s">
        <v>1</v>
      </c>
      <c r="AF1" s="178"/>
      <c r="AG1" s="179"/>
      <c r="AH1" s="179"/>
      <c r="AI1" s="90" t="s">
        <v>2</v>
      </c>
      <c r="AJ1" s="178"/>
      <c r="AK1" s="179"/>
      <c r="AL1" s="179"/>
      <c r="AM1" s="90" t="s">
        <v>3</v>
      </c>
      <c r="AN1" s="8"/>
      <c r="AO1" s="8"/>
      <c r="AP1" s="8"/>
    </row>
    <row r="2" spans="1:53" ht="20.149999999999999" customHeight="1" x14ac:dyDescent="0.55000000000000004">
      <c r="A2" s="10"/>
      <c r="B2" s="175" t="s">
        <v>172</v>
      </c>
      <c r="C2" s="176"/>
      <c r="D2" s="176"/>
      <c r="E2" s="176"/>
      <c r="F2" s="176"/>
      <c r="G2" s="176"/>
      <c r="H2" s="176"/>
      <c r="I2" s="176"/>
      <c r="J2" s="176"/>
      <c r="K2" s="176"/>
      <c r="L2" s="176"/>
      <c r="M2" s="176"/>
      <c r="N2" s="176"/>
      <c r="O2" s="177"/>
      <c r="P2" s="156" t="s">
        <v>156</v>
      </c>
      <c r="Q2" s="157"/>
      <c r="R2" s="91" t="s">
        <v>157</v>
      </c>
      <c r="S2" s="92"/>
      <c r="T2" s="92"/>
      <c r="U2" s="180"/>
      <c r="V2" s="180"/>
      <c r="W2" s="180"/>
      <c r="X2" s="180"/>
      <c r="Y2" s="180"/>
      <c r="Z2" s="180"/>
      <c r="AA2" s="181"/>
      <c r="AB2" s="181"/>
      <c r="AC2" s="181"/>
      <c r="AD2" s="181"/>
      <c r="AE2" s="181"/>
      <c r="AF2" s="181"/>
      <c r="AG2" s="181"/>
      <c r="AH2" s="181"/>
      <c r="AI2" s="181"/>
      <c r="AJ2" s="181"/>
      <c r="AK2" s="181"/>
      <c r="AL2" s="181"/>
      <c r="AM2" s="182"/>
      <c r="AN2" s="10"/>
      <c r="AO2" s="10"/>
      <c r="AP2" s="10"/>
    </row>
    <row r="3" spans="1:53" ht="20.149999999999999" customHeight="1" x14ac:dyDescent="0.2">
      <c r="A3" s="10"/>
      <c r="B3" s="176"/>
      <c r="C3" s="176"/>
      <c r="D3" s="176"/>
      <c r="E3" s="176"/>
      <c r="F3" s="176"/>
      <c r="G3" s="176"/>
      <c r="H3" s="176"/>
      <c r="I3" s="176"/>
      <c r="J3" s="176"/>
      <c r="K3" s="176"/>
      <c r="L3" s="176"/>
      <c r="M3" s="176"/>
      <c r="N3" s="176"/>
      <c r="O3" s="177"/>
      <c r="P3" s="158"/>
      <c r="Q3" s="159"/>
      <c r="R3" s="162"/>
      <c r="S3" s="163"/>
      <c r="T3" s="163"/>
      <c r="U3" s="163"/>
      <c r="V3" s="163"/>
      <c r="W3" s="163"/>
      <c r="X3" s="163"/>
      <c r="Y3" s="163"/>
      <c r="Z3" s="163"/>
      <c r="AA3" s="163"/>
      <c r="AB3" s="163"/>
      <c r="AC3" s="163"/>
      <c r="AD3" s="163"/>
      <c r="AE3" s="163"/>
      <c r="AF3" s="163"/>
      <c r="AG3" s="163"/>
      <c r="AH3" s="163"/>
      <c r="AI3" s="163"/>
      <c r="AJ3" s="163"/>
      <c r="AK3" s="163"/>
      <c r="AL3" s="163"/>
      <c r="AM3" s="164"/>
      <c r="AN3" s="10"/>
      <c r="AO3" s="10"/>
      <c r="AP3" s="10"/>
    </row>
    <row r="4" spans="1:53" ht="20.149999999999999" customHeight="1" x14ac:dyDescent="0.55000000000000004">
      <c r="A4" s="10"/>
      <c r="B4" s="176"/>
      <c r="C4" s="176"/>
      <c r="D4" s="176"/>
      <c r="E4" s="176"/>
      <c r="F4" s="176"/>
      <c r="G4" s="176"/>
      <c r="H4" s="176"/>
      <c r="I4" s="176"/>
      <c r="J4" s="176"/>
      <c r="K4" s="176"/>
      <c r="L4" s="176"/>
      <c r="M4" s="176"/>
      <c r="N4" s="176"/>
      <c r="O4" s="177"/>
      <c r="P4" s="158"/>
      <c r="Q4" s="159"/>
      <c r="R4" s="165" t="s">
        <v>158</v>
      </c>
      <c r="S4" s="166"/>
      <c r="T4" s="166"/>
      <c r="U4" s="166"/>
      <c r="V4" s="168"/>
      <c r="W4" s="168"/>
      <c r="X4" s="168"/>
      <c r="Y4" s="168"/>
      <c r="Z4" s="168"/>
      <c r="AA4" s="168"/>
      <c r="AB4" s="168"/>
      <c r="AC4" s="168"/>
      <c r="AD4" s="168"/>
      <c r="AE4" s="168"/>
      <c r="AF4" s="168"/>
      <c r="AG4" s="168"/>
      <c r="AH4" s="168"/>
      <c r="AI4" s="168"/>
      <c r="AJ4" s="168"/>
      <c r="AK4" s="168"/>
      <c r="AL4" s="168"/>
      <c r="AM4" s="169"/>
      <c r="AN4" s="10"/>
      <c r="AO4" s="10"/>
      <c r="AP4" s="10"/>
    </row>
    <row r="5" spans="1:53" ht="20.149999999999999" customHeight="1" x14ac:dyDescent="0.55000000000000004">
      <c r="A5" s="10"/>
      <c r="B5" s="176"/>
      <c r="C5" s="176"/>
      <c r="D5" s="176"/>
      <c r="E5" s="176"/>
      <c r="F5" s="176"/>
      <c r="G5" s="176"/>
      <c r="H5" s="176"/>
      <c r="I5" s="176"/>
      <c r="J5" s="176"/>
      <c r="K5" s="176"/>
      <c r="L5" s="176"/>
      <c r="M5" s="176"/>
      <c r="N5" s="176"/>
      <c r="O5" s="177"/>
      <c r="P5" s="158"/>
      <c r="Q5" s="159"/>
      <c r="R5" s="167"/>
      <c r="S5" s="166"/>
      <c r="T5" s="166"/>
      <c r="U5" s="166"/>
      <c r="V5" s="168"/>
      <c r="W5" s="168"/>
      <c r="X5" s="168"/>
      <c r="Y5" s="168"/>
      <c r="Z5" s="168"/>
      <c r="AA5" s="168"/>
      <c r="AB5" s="168"/>
      <c r="AC5" s="168"/>
      <c r="AD5" s="168"/>
      <c r="AE5" s="168"/>
      <c r="AF5" s="168"/>
      <c r="AG5" s="168"/>
      <c r="AH5" s="168"/>
      <c r="AI5" s="168"/>
      <c r="AJ5" s="168"/>
      <c r="AK5" s="168"/>
      <c r="AL5" s="168"/>
      <c r="AM5" s="169"/>
      <c r="AN5" s="10"/>
      <c r="AO5" s="10"/>
      <c r="AP5" s="10"/>
    </row>
    <row r="6" spans="1:53" ht="20.149999999999999" customHeight="1" x14ac:dyDescent="0.55000000000000004">
      <c r="A6" s="10"/>
      <c r="B6" s="176"/>
      <c r="C6" s="176"/>
      <c r="D6" s="176"/>
      <c r="E6" s="176"/>
      <c r="F6" s="176"/>
      <c r="G6" s="176"/>
      <c r="H6" s="176"/>
      <c r="I6" s="176"/>
      <c r="J6" s="176"/>
      <c r="K6" s="176"/>
      <c r="L6" s="176"/>
      <c r="M6" s="176"/>
      <c r="N6" s="176"/>
      <c r="O6" s="177"/>
      <c r="P6" s="158"/>
      <c r="Q6" s="159"/>
      <c r="R6" s="167"/>
      <c r="S6" s="166"/>
      <c r="T6" s="166"/>
      <c r="U6" s="166"/>
      <c r="V6" s="168"/>
      <c r="W6" s="168"/>
      <c r="X6" s="168"/>
      <c r="Y6" s="168"/>
      <c r="Z6" s="168"/>
      <c r="AA6" s="168"/>
      <c r="AB6" s="168"/>
      <c r="AC6" s="168"/>
      <c r="AD6" s="168"/>
      <c r="AE6" s="168"/>
      <c r="AF6" s="168"/>
      <c r="AG6" s="168"/>
      <c r="AH6" s="168"/>
      <c r="AI6" s="168"/>
      <c r="AJ6" s="168"/>
      <c r="AK6" s="168"/>
      <c r="AL6" s="168"/>
      <c r="AM6" s="169"/>
      <c r="AN6" s="10"/>
      <c r="AO6" s="10"/>
      <c r="AP6" s="10"/>
    </row>
    <row r="7" spans="1:53" ht="20.149999999999999" customHeight="1" x14ac:dyDescent="0.55000000000000004">
      <c r="A7" s="10"/>
      <c r="B7" s="176"/>
      <c r="C7" s="176"/>
      <c r="D7" s="176"/>
      <c r="E7" s="176"/>
      <c r="F7" s="176"/>
      <c r="G7" s="176"/>
      <c r="H7" s="176"/>
      <c r="I7" s="176"/>
      <c r="J7" s="176"/>
      <c r="K7" s="176"/>
      <c r="L7" s="176"/>
      <c r="M7" s="176"/>
      <c r="N7" s="176"/>
      <c r="O7" s="177"/>
      <c r="P7" s="158"/>
      <c r="Q7" s="159"/>
      <c r="R7" s="170" t="s">
        <v>159</v>
      </c>
      <c r="S7" s="171"/>
      <c r="T7" s="171"/>
      <c r="U7" s="168"/>
      <c r="V7" s="168"/>
      <c r="W7" s="168"/>
      <c r="X7" s="168"/>
      <c r="Y7" s="168"/>
      <c r="Z7" s="168"/>
      <c r="AA7" s="168"/>
      <c r="AB7" s="168"/>
      <c r="AC7" s="171" t="s">
        <v>160</v>
      </c>
      <c r="AD7" s="172"/>
      <c r="AE7" s="172"/>
      <c r="AF7" s="173"/>
      <c r="AG7" s="173"/>
      <c r="AH7" s="173"/>
      <c r="AI7" s="173"/>
      <c r="AJ7" s="173"/>
      <c r="AK7" s="173"/>
      <c r="AL7" s="173"/>
      <c r="AM7" s="174"/>
      <c r="AN7" s="10"/>
      <c r="AO7" s="10"/>
      <c r="AP7" s="10"/>
    </row>
    <row r="8" spans="1:53" ht="22.5" hidden="1" customHeight="1" x14ac:dyDescent="0.55000000000000004">
      <c r="A8" s="10"/>
      <c r="B8" s="176"/>
      <c r="C8" s="176"/>
      <c r="D8" s="176"/>
      <c r="E8" s="176"/>
      <c r="F8" s="176"/>
      <c r="G8" s="176"/>
      <c r="H8" s="176"/>
      <c r="I8" s="176"/>
      <c r="J8" s="176"/>
      <c r="K8" s="176"/>
      <c r="L8" s="176"/>
      <c r="M8" s="176"/>
      <c r="N8" s="176"/>
      <c r="O8" s="177"/>
      <c r="P8" s="160"/>
      <c r="Q8" s="161"/>
      <c r="R8" s="93"/>
      <c r="S8" s="94"/>
      <c r="T8" s="94"/>
      <c r="U8" s="94"/>
      <c r="V8" s="95"/>
      <c r="W8" s="95"/>
      <c r="X8" s="95"/>
      <c r="Y8" s="95"/>
      <c r="Z8" s="95"/>
      <c r="AA8" s="95"/>
      <c r="AB8" s="95"/>
      <c r="AC8" s="95"/>
      <c r="AD8" s="95"/>
      <c r="AE8" s="95"/>
      <c r="AF8" s="95"/>
      <c r="AG8" s="96"/>
      <c r="AH8" s="96"/>
      <c r="AI8" s="96"/>
      <c r="AJ8" s="96"/>
      <c r="AK8" s="96"/>
      <c r="AL8" s="96"/>
      <c r="AM8" s="97"/>
      <c r="AN8" s="10"/>
      <c r="AO8" s="10"/>
      <c r="AP8" s="10"/>
    </row>
    <row r="9" spans="1:53" ht="23.25" customHeight="1" x14ac:dyDescent="0.55000000000000004">
      <c r="A9" s="10"/>
      <c r="B9" s="10"/>
      <c r="C9" s="10"/>
      <c r="D9" s="10"/>
      <c r="E9" s="10"/>
      <c r="F9" s="10"/>
      <c r="G9" s="10"/>
      <c r="H9" s="10"/>
      <c r="I9" s="10"/>
      <c r="J9" s="10"/>
      <c r="K9" s="10"/>
      <c r="L9" s="10"/>
      <c r="M9" s="10"/>
      <c r="N9" s="10"/>
      <c r="O9" s="10"/>
      <c r="P9" s="10"/>
      <c r="Q9" s="10"/>
      <c r="R9" s="10"/>
      <c r="S9" s="10"/>
      <c r="T9" s="10"/>
      <c r="U9" s="10"/>
      <c r="V9" s="10"/>
      <c r="W9" s="10"/>
      <c r="X9" s="10"/>
      <c r="Y9" s="10"/>
      <c r="Z9" s="10"/>
      <c r="AA9" s="10"/>
      <c r="AB9" s="10"/>
      <c r="AC9" s="10"/>
      <c r="AD9" s="10"/>
      <c r="AE9" s="10"/>
      <c r="AF9" s="10"/>
      <c r="AG9" s="10"/>
      <c r="AH9" s="10"/>
      <c r="AI9" s="10"/>
      <c r="AJ9" s="10"/>
      <c r="AK9" s="10"/>
      <c r="AL9" s="10"/>
      <c r="AM9" s="10"/>
      <c r="AN9" s="10"/>
      <c r="AO9" s="10"/>
      <c r="AP9" s="10"/>
      <c r="AR9" s="3"/>
      <c r="AV9" s="4"/>
    </row>
    <row r="10" spans="1:53" ht="0.75" customHeight="1" thickBot="1" x14ac:dyDescent="0.6">
      <c r="A10" s="10"/>
      <c r="B10" s="10"/>
      <c r="C10" s="10"/>
      <c r="D10" s="10"/>
      <c r="E10" s="10"/>
      <c r="F10" s="10"/>
      <c r="G10" s="10"/>
      <c r="H10" s="10"/>
      <c r="I10" s="10"/>
      <c r="J10" s="10"/>
      <c r="K10" s="10"/>
      <c r="L10" s="10"/>
      <c r="M10" s="10"/>
      <c r="N10" s="10"/>
      <c r="O10" s="10"/>
      <c r="P10" s="10"/>
      <c r="Q10" s="10"/>
      <c r="R10" s="10"/>
      <c r="S10" s="10"/>
      <c r="T10" s="10"/>
      <c r="U10" s="10"/>
      <c r="V10" s="10"/>
      <c r="W10" s="10"/>
      <c r="X10" s="10"/>
      <c r="Y10" s="10"/>
      <c r="Z10" s="10"/>
      <c r="AA10" s="10"/>
      <c r="AB10" s="10"/>
      <c r="AC10" s="10"/>
      <c r="AD10" s="10"/>
      <c r="AE10" s="10"/>
      <c r="AF10" s="10"/>
      <c r="AG10" s="10"/>
      <c r="AH10" s="10"/>
      <c r="AI10" s="10"/>
      <c r="AJ10" s="10"/>
      <c r="AK10" s="10"/>
      <c r="AL10" s="10"/>
      <c r="AM10" s="10"/>
      <c r="AN10" s="10"/>
      <c r="AO10" s="10"/>
      <c r="AP10" s="10"/>
    </row>
    <row r="11" spans="1:53" s="5" customFormat="1" ht="20.149999999999999" customHeight="1" thickBot="1" x14ac:dyDescent="0.6">
      <c r="A11" s="16"/>
      <c r="B11" s="256" t="s">
        <v>161</v>
      </c>
      <c r="C11" s="257"/>
      <c r="D11" s="257"/>
      <c r="E11" s="258"/>
      <c r="F11" s="259"/>
      <c r="G11" s="263"/>
      <c r="H11" s="264"/>
      <c r="I11" s="264"/>
      <c r="J11" s="264"/>
      <c r="K11" s="98" t="s">
        <v>1</v>
      </c>
      <c r="L11" s="265"/>
      <c r="M11" s="264"/>
      <c r="N11" s="264"/>
      <c r="O11" s="99" t="s">
        <v>162</v>
      </c>
      <c r="P11" s="265"/>
      <c r="Q11" s="264"/>
      <c r="R11" s="264"/>
      <c r="S11" s="100" t="s">
        <v>3</v>
      </c>
      <c r="T11" s="99"/>
      <c r="U11" s="416" t="s">
        <v>179</v>
      </c>
      <c r="V11" s="417"/>
      <c r="W11" s="417"/>
      <c r="X11" s="417"/>
      <c r="Y11" s="417"/>
      <c r="Z11" s="417"/>
      <c r="AA11" s="418"/>
      <c r="AB11" s="299"/>
      <c r="AC11" s="300"/>
      <c r="AD11" s="300"/>
      <c r="AE11" s="300"/>
      <c r="AF11" s="300"/>
      <c r="AG11" s="300"/>
      <c r="AH11" s="300"/>
      <c r="AI11" s="300"/>
      <c r="AJ11" s="300"/>
      <c r="AK11" s="300"/>
      <c r="AL11" s="300"/>
      <c r="AM11" s="301"/>
      <c r="AN11" s="16"/>
      <c r="AO11" s="16"/>
      <c r="AP11" s="16"/>
    </row>
    <row r="12" spans="1:53" s="5" customFormat="1" ht="20.149999999999999" customHeight="1" outlineLevel="1" thickBot="1" x14ac:dyDescent="0.6">
      <c r="A12" s="16"/>
      <c r="B12" s="266" t="s">
        <v>47</v>
      </c>
      <c r="C12" s="267"/>
      <c r="D12" s="267"/>
      <c r="E12" s="267"/>
      <c r="F12" s="268"/>
      <c r="G12" s="269"/>
      <c r="H12" s="270"/>
      <c r="I12" s="270"/>
      <c r="J12" s="270"/>
      <c r="K12" s="271"/>
      <c r="L12" s="269"/>
      <c r="M12" s="270"/>
      <c r="N12" s="270"/>
      <c r="O12" s="270"/>
      <c r="P12" s="270"/>
      <c r="Q12" s="270"/>
      <c r="R12" s="271"/>
      <c r="S12" s="269"/>
      <c r="T12" s="270"/>
      <c r="U12" s="270"/>
      <c r="V12" s="270"/>
      <c r="W12" s="270"/>
      <c r="X12" s="270"/>
      <c r="Y12" s="271"/>
      <c r="Z12" s="269"/>
      <c r="AA12" s="270"/>
      <c r="AB12" s="270"/>
      <c r="AC12" s="270"/>
      <c r="AD12" s="270"/>
      <c r="AE12" s="270"/>
      <c r="AF12" s="271"/>
      <c r="AG12" s="269"/>
      <c r="AH12" s="270"/>
      <c r="AI12" s="270"/>
      <c r="AJ12" s="270"/>
      <c r="AK12" s="270"/>
      <c r="AL12" s="270"/>
      <c r="AM12" s="282"/>
      <c r="AN12" s="16"/>
      <c r="AO12" s="16"/>
      <c r="AP12" s="16"/>
    </row>
    <row r="13" spans="1:53" s="5" customFormat="1" ht="18.5" thickBot="1" x14ac:dyDescent="0.6">
      <c r="A13" s="16"/>
      <c r="B13" s="16"/>
      <c r="C13" s="16"/>
      <c r="D13" s="16"/>
      <c r="E13" s="16"/>
      <c r="F13" s="16"/>
      <c r="G13" s="16"/>
      <c r="H13" s="16"/>
      <c r="I13" s="16"/>
      <c r="J13" s="16"/>
      <c r="K13" s="280" t="s">
        <v>173</v>
      </c>
      <c r="L13" s="281"/>
      <c r="M13" s="281"/>
      <c r="N13" s="281"/>
      <c r="O13" s="281"/>
      <c r="P13" s="281"/>
      <c r="Q13" s="281"/>
      <c r="R13" s="281"/>
      <c r="S13" s="281"/>
      <c r="T13" s="281"/>
      <c r="U13" s="281"/>
      <c r="V13" s="281"/>
      <c r="W13" s="281"/>
      <c r="X13" s="281"/>
      <c r="Y13" s="281"/>
      <c r="Z13" s="281"/>
      <c r="AA13" s="281"/>
      <c r="AB13" s="281"/>
      <c r="AC13" s="281"/>
      <c r="AD13" s="281"/>
      <c r="AE13" s="281"/>
      <c r="AF13" s="281"/>
      <c r="AG13" s="281"/>
      <c r="AH13" s="281"/>
      <c r="AI13" s="281"/>
      <c r="AJ13" s="281"/>
      <c r="AK13" s="281"/>
      <c r="AL13" s="281"/>
      <c r="AM13" s="281"/>
      <c r="AN13" s="16"/>
      <c r="AO13" s="16"/>
      <c r="AP13" s="16"/>
    </row>
    <row r="14" spans="1:53" s="5" customFormat="1" ht="20.149999999999999" customHeight="1" x14ac:dyDescent="0.55000000000000004">
      <c r="A14" s="16"/>
      <c r="B14" s="272" t="s">
        <v>57</v>
      </c>
      <c r="C14" s="273"/>
      <c r="D14" s="278" t="s">
        <v>5</v>
      </c>
      <c r="E14" s="279"/>
      <c r="F14" s="283" t="s">
        <v>6</v>
      </c>
      <c r="G14" s="284"/>
      <c r="H14" s="285"/>
      <c r="I14" s="260"/>
      <c r="J14" s="261"/>
      <c r="K14" s="261"/>
      <c r="L14" s="261"/>
      <c r="M14" s="261"/>
      <c r="N14" s="261"/>
      <c r="O14" s="261"/>
      <c r="P14" s="18" t="s">
        <v>1</v>
      </c>
      <c r="Q14" s="262"/>
      <c r="R14" s="261"/>
      <c r="S14" s="18" t="s">
        <v>2</v>
      </c>
      <c r="T14" s="262"/>
      <c r="U14" s="261"/>
      <c r="V14" s="18" t="s">
        <v>3</v>
      </c>
      <c r="W14" s="18"/>
      <c r="X14" s="19"/>
      <c r="Y14" s="19"/>
      <c r="Z14" s="19"/>
      <c r="AA14" s="19"/>
      <c r="AB14" s="19"/>
      <c r="AC14" s="19"/>
      <c r="AD14" s="19"/>
      <c r="AE14" s="19"/>
      <c r="AF14" s="19"/>
      <c r="AG14" s="19"/>
      <c r="AH14" s="19"/>
      <c r="AI14" s="19"/>
      <c r="AJ14" s="19"/>
      <c r="AK14" s="19"/>
      <c r="AL14" s="19"/>
      <c r="AM14" s="20"/>
      <c r="AN14" s="16"/>
      <c r="AO14" s="16"/>
      <c r="AP14" s="16"/>
    </row>
    <row r="15" spans="1:53" s="5" customFormat="1" ht="20.149999999999999" customHeight="1" x14ac:dyDescent="0.55000000000000004">
      <c r="A15" s="16"/>
      <c r="B15" s="274"/>
      <c r="C15" s="275"/>
      <c r="D15" s="286" t="s">
        <v>7</v>
      </c>
      <c r="E15" s="287"/>
      <c r="F15" s="289" t="s">
        <v>8</v>
      </c>
      <c r="G15" s="290"/>
      <c r="H15" s="291"/>
      <c r="I15" s="212" t="s">
        <v>185</v>
      </c>
      <c r="J15" s="213"/>
      <c r="K15" s="101" t="s">
        <v>62</v>
      </c>
      <c r="L15" s="180"/>
      <c r="M15" s="181"/>
      <c r="N15" s="181"/>
      <c r="O15" s="181"/>
      <c r="P15" s="181"/>
      <c r="Q15" s="181"/>
      <c r="R15" s="181"/>
      <c r="S15" s="181"/>
      <c r="T15" s="181"/>
      <c r="U15" s="181"/>
      <c r="V15" s="181"/>
      <c r="W15" s="181"/>
      <c r="X15" s="181"/>
      <c r="Y15" s="181"/>
      <c r="Z15" s="181"/>
      <c r="AA15" s="181"/>
      <c r="AB15" s="181"/>
      <c r="AC15" s="181"/>
      <c r="AD15" s="181"/>
      <c r="AE15" s="224"/>
      <c r="AF15" s="225"/>
      <c r="AG15" s="225"/>
      <c r="AH15" s="225"/>
      <c r="AI15" s="180"/>
      <c r="AJ15" s="180"/>
      <c r="AK15" s="180"/>
      <c r="AL15" s="180"/>
      <c r="AM15" s="226"/>
      <c r="AN15" s="16"/>
      <c r="AO15" s="16"/>
      <c r="AP15" s="16"/>
      <c r="BA15" s="6"/>
    </row>
    <row r="16" spans="1:53" s="5" customFormat="1" ht="20.149999999999999" customHeight="1" x14ac:dyDescent="0.55000000000000004">
      <c r="A16" s="16"/>
      <c r="B16" s="274"/>
      <c r="C16" s="275"/>
      <c r="D16" s="287"/>
      <c r="E16" s="287"/>
      <c r="F16" s="292"/>
      <c r="G16" s="292"/>
      <c r="H16" s="293"/>
      <c r="I16" s="214"/>
      <c r="J16" s="215"/>
      <c r="K16" s="230"/>
      <c r="L16" s="231"/>
      <c r="M16" s="231"/>
      <c r="N16" s="231"/>
      <c r="O16" s="231"/>
      <c r="P16" s="231"/>
      <c r="Q16" s="231"/>
      <c r="R16" s="231"/>
      <c r="S16" s="231"/>
      <c r="T16" s="231"/>
      <c r="U16" s="231"/>
      <c r="V16" s="231"/>
      <c r="W16" s="231"/>
      <c r="X16" s="231"/>
      <c r="Y16" s="231"/>
      <c r="Z16" s="231"/>
      <c r="AA16" s="231"/>
      <c r="AB16" s="231"/>
      <c r="AC16" s="231"/>
      <c r="AD16" s="231"/>
      <c r="AE16" s="231"/>
      <c r="AF16" s="231"/>
      <c r="AG16" s="231"/>
      <c r="AH16" s="231"/>
      <c r="AI16" s="231"/>
      <c r="AJ16" s="231"/>
      <c r="AK16" s="231"/>
      <c r="AL16" s="231"/>
      <c r="AM16" s="232"/>
      <c r="AN16" s="16"/>
      <c r="AO16" s="16"/>
      <c r="AP16" s="16"/>
      <c r="BA16" s="6"/>
    </row>
    <row r="17" spans="1:51" s="5" customFormat="1" ht="20.149999999999999" customHeight="1" x14ac:dyDescent="0.55000000000000004">
      <c r="A17" s="16"/>
      <c r="B17" s="274"/>
      <c r="C17" s="275"/>
      <c r="D17" s="287"/>
      <c r="E17" s="287"/>
      <c r="F17" s="292"/>
      <c r="G17" s="292"/>
      <c r="H17" s="292"/>
      <c r="I17" s="216"/>
      <c r="J17" s="217"/>
      <c r="K17" s="233"/>
      <c r="L17" s="227"/>
      <c r="M17" s="227"/>
      <c r="N17" s="227"/>
      <c r="O17" s="227"/>
      <c r="P17" s="227"/>
      <c r="Q17" s="227"/>
      <c r="R17" s="227"/>
      <c r="S17" s="227"/>
      <c r="T17" s="227"/>
      <c r="U17" s="227"/>
      <c r="V17" s="227"/>
      <c r="W17" s="227"/>
      <c r="X17" s="227"/>
      <c r="Y17" s="227"/>
      <c r="Z17" s="234" t="s">
        <v>12</v>
      </c>
      <c r="AA17" s="235"/>
      <c r="AB17" s="235"/>
      <c r="AC17" s="227"/>
      <c r="AD17" s="228"/>
      <c r="AE17" s="228"/>
      <c r="AF17" s="228"/>
      <c r="AG17" s="228"/>
      <c r="AH17" s="228"/>
      <c r="AI17" s="228"/>
      <c r="AJ17" s="228"/>
      <c r="AK17" s="228"/>
      <c r="AL17" s="228"/>
      <c r="AM17" s="229"/>
      <c r="AN17" s="16"/>
      <c r="AO17" s="16"/>
      <c r="AP17" s="16"/>
    </row>
    <row r="18" spans="1:51" s="5" customFormat="1" ht="20.149999999999999" customHeight="1" x14ac:dyDescent="0.55000000000000004">
      <c r="A18" s="16"/>
      <c r="B18" s="274"/>
      <c r="C18" s="275"/>
      <c r="D18" s="287"/>
      <c r="E18" s="287"/>
      <c r="F18" s="294"/>
      <c r="G18" s="294"/>
      <c r="H18" s="295"/>
      <c r="I18" s="209" t="s">
        <v>63</v>
      </c>
      <c r="J18" s="210"/>
      <c r="K18" s="237"/>
      <c r="L18" s="135"/>
      <c r="M18" s="135"/>
      <c r="N18" s="135"/>
      <c r="O18" s="135"/>
      <c r="P18" s="135"/>
      <c r="Q18" s="135"/>
      <c r="R18" s="135"/>
      <c r="S18" s="135"/>
      <c r="T18" s="135"/>
      <c r="U18" s="135"/>
      <c r="V18" s="135"/>
      <c r="W18" s="209" t="s">
        <v>65</v>
      </c>
      <c r="X18" s="210"/>
      <c r="Y18" s="237"/>
      <c r="Z18" s="135"/>
      <c r="AA18" s="135"/>
      <c r="AB18" s="135"/>
      <c r="AC18" s="135"/>
      <c r="AD18" s="135"/>
      <c r="AE18" s="135"/>
      <c r="AF18" s="135"/>
      <c r="AG18" s="135"/>
      <c r="AH18" s="135"/>
      <c r="AI18" s="135"/>
      <c r="AJ18" s="135"/>
      <c r="AK18" s="135"/>
      <c r="AL18" s="135"/>
      <c r="AM18" s="140"/>
      <c r="AN18" s="16"/>
      <c r="AO18" s="16"/>
      <c r="AP18" s="16"/>
      <c r="AV18" s="116"/>
    </row>
    <row r="19" spans="1:51" s="5" customFormat="1" ht="20.149999999999999" customHeight="1" x14ac:dyDescent="0.55000000000000004">
      <c r="A19" s="16"/>
      <c r="B19" s="274"/>
      <c r="C19" s="275"/>
      <c r="D19" s="287"/>
      <c r="E19" s="287"/>
      <c r="F19" s="296" t="s">
        <v>13</v>
      </c>
      <c r="G19" s="297"/>
      <c r="H19" s="298"/>
      <c r="I19" s="211" t="s">
        <v>14</v>
      </c>
      <c r="J19" s="142"/>
      <c r="K19" s="236"/>
      <c r="L19" s="236"/>
      <c r="M19" s="236"/>
      <c r="N19" s="102" t="s">
        <v>3</v>
      </c>
      <c r="O19" s="114" t="s">
        <v>15</v>
      </c>
      <c r="P19" s="112"/>
      <c r="Q19" s="112"/>
      <c r="R19" s="236"/>
      <c r="S19" s="236"/>
      <c r="T19" s="236"/>
      <c r="U19" s="112" t="s">
        <v>183</v>
      </c>
      <c r="V19" s="112"/>
      <c r="W19" s="115" t="s">
        <v>184</v>
      </c>
      <c r="X19" s="112"/>
      <c r="Y19" s="112"/>
      <c r="Z19" s="112"/>
      <c r="AA19" s="112"/>
      <c r="AB19" s="112"/>
      <c r="AC19" s="112"/>
      <c r="AD19" s="112"/>
      <c r="AE19" s="112"/>
      <c r="AF19" s="112"/>
      <c r="AG19" s="112"/>
      <c r="AH19" s="112"/>
      <c r="AI19" s="112"/>
      <c r="AJ19" s="112"/>
      <c r="AK19" s="112"/>
      <c r="AL19" s="112"/>
      <c r="AM19" s="113"/>
      <c r="AN19" s="16"/>
      <c r="AO19" s="16"/>
      <c r="AP19" s="16"/>
    </row>
    <row r="20" spans="1:51" s="5" customFormat="1" ht="20.149999999999999" customHeight="1" thickBot="1" x14ac:dyDescent="0.6">
      <c r="A20" s="16"/>
      <c r="B20" s="276"/>
      <c r="C20" s="277"/>
      <c r="D20" s="288"/>
      <c r="E20" s="288"/>
      <c r="F20" s="242" t="s">
        <v>17</v>
      </c>
      <c r="G20" s="123"/>
      <c r="H20" s="123"/>
      <c r="I20" s="243"/>
      <c r="J20" s="123"/>
      <c r="K20" s="123"/>
      <c r="L20" s="124"/>
      <c r="M20" s="244"/>
      <c r="N20" s="123"/>
      <c r="O20" s="123"/>
      <c r="P20" s="124"/>
      <c r="Q20" s="244"/>
      <c r="R20" s="123"/>
      <c r="S20" s="123"/>
      <c r="T20" s="117"/>
      <c r="U20" s="254"/>
      <c r="V20" s="255"/>
      <c r="W20" s="255"/>
      <c r="X20" s="255"/>
      <c r="Y20" s="117"/>
      <c r="Z20" s="109"/>
      <c r="AA20" s="107"/>
      <c r="AB20" s="107"/>
      <c r="AC20" s="238"/>
      <c r="AD20" s="125"/>
      <c r="AE20" s="125"/>
      <c r="AF20" s="125"/>
      <c r="AG20" s="125"/>
      <c r="AH20" s="125"/>
      <c r="AI20" s="125"/>
      <c r="AJ20" s="125"/>
      <c r="AK20" s="125"/>
      <c r="AL20" s="125"/>
      <c r="AM20" s="126"/>
      <c r="AN20" s="16"/>
      <c r="AO20" s="16"/>
      <c r="AP20" s="16"/>
    </row>
    <row r="21" spans="1:51" s="5" customFormat="1" ht="11.15" customHeight="1" thickBot="1" x14ac:dyDescent="0.2">
      <c r="A21" s="16"/>
      <c r="B21" s="16"/>
      <c r="C21" s="16"/>
      <c r="D21" s="16"/>
      <c r="E21" s="16"/>
      <c r="F21" s="16"/>
      <c r="G21" s="16"/>
      <c r="H21" s="106" t="s">
        <v>174</v>
      </c>
      <c r="I21" s="16"/>
      <c r="J21" s="16"/>
      <c r="K21" s="16"/>
      <c r="L21" s="16"/>
      <c r="M21" s="16"/>
      <c r="N21" s="16"/>
      <c r="O21" s="16"/>
      <c r="P21" s="16"/>
      <c r="Q21" s="16"/>
      <c r="R21" s="16"/>
      <c r="S21" s="16"/>
      <c r="T21" s="16"/>
      <c r="U21" s="16"/>
      <c r="V21" s="16"/>
      <c r="W21" s="16"/>
      <c r="X21" s="16"/>
      <c r="Y21" s="16"/>
      <c r="Z21" s="16"/>
      <c r="AA21" s="16"/>
      <c r="AB21" s="16"/>
      <c r="AC21" s="16"/>
      <c r="AD21" s="16"/>
      <c r="AE21" s="16"/>
      <c r="AF21" s="16"/>
      <c r="AG21" s="16"/>
      <c r="AH21" s="16"/>
      <c r="AI21" s="16"/>
      <c r="AJ21" s="16"/>
      <c r="AK21" s="16"/>
      <c r="AL21" s="16"/>
      <c r="AM21" s="16"/>
      <c r="AN21" s="16"/>
      <c r="AO21" s="16"/>
      <c r="AP21" s="16"/>
    </row>
    <row r="22" spans="1:51" s="5" customFormat="1" ht="20.149999999999999" customHeight="1" x14ac:dyDescent="0.55000000000000004">
      <c r="A22" s="16"/>
      <c r="B22" s="218" t="s">
        <v>163</v>
      </c>
      <c r="C22" s="219"/>
      <c r="D22" s="127" t="s">
        <v>164</v>
      </c>
      <c r="E22" s="128"/>
      <c r="F22" s="103" t="s">
        <v>64</v>
      </c>
      <c r="G22" s="129" t="s">
        <v>165</v>
      </c>
      <c r="H22" s="130"/>
      <c r="I22" s="130"/>
      <c r="J22" s="130"/>
      <c r="K22" s="130"/>
      <c r="L22" s="130"/>
      <c r="M22" s="130"/>
      <c r="N22" s="130"/>
      <c r="O22" s="130"/>
      <c r="P22" s="130"/>
      <c r="Q22" s="130"/>
      <c r="R22" s="130"/>
      <c r="S22" s="130"/>
      <c r="T22" s="130"/>
      <c r="U22" s="130"/>
      <c r="V22" s="130"/>
      <c r="W22" s="130"/>
      <c r="X22" s="130"/>
      <c r="Y22" s="130"/>
      <c r="Z22" s="130"/>
      <c r="AA22" s="130"/>
      <c r="AB22" s="130"/>
      <c r="AC22" s="130"/>
      <c r="AD22" s="130"/>
      <c r="AE22" s="130"/>
      <c r="AF22" s="130"/>
      <c r="AG22" s="130"/>
      <c r="AH22" s="130"/>
      <c r="AI22" s="130"/>
      <c r="AJ22" s="130"/>
      <c r="AK22" s="130"/>
      <c r="AL22" s="130"/>
      <c r="AM22" s="131"/>
      <c r="AN22" s="16"/>
      <c r="AO22" s="16"/>
      <c r="AP22" s="16"/>
    </row>
    <row r="23" spans="1:51" s="5" customFormat="1" ht="20.149999999999999" customHeight="1" x14ac:dyDescent="0.55000000000000004">
      <c r="A23" s="16"/>
      <c r="B23" s="220"/>
      <c r="C23" s="221"/>
      <c r="D23" s="132" t="s">
        <v>166</v>
      </c>
      <c r="E23" s="133"/>
      <c r="F23" s="104" t="s">
        <v>64</v>
      </c>
      <c r="G23" s="134"/>
      <c r="H23" s="135"/>
      <c r="I23" s="135"/>
      <c r="J23" s="135"/>
      <c r="K23" s="135"/>
      <c r="L23" s="135"/>
      <c r="M23" s="135"/>
      <c r="N23" s="135"/>
      <c r="O23" s="136"/>
      <c r="P23" s="137" t="s">
        <v>63</v>
      </c>
      <c r="Q23" s="138"/>
      <c r="R23" s="104" t="s">
        <v>64</v>
      </c>
      <c r="S23" s="134"/>
      <c r="T23" s="135"/>
      <c r="U23" s="135"/>
      <c r="V23" s="135"/>
      <c r="W23" s="135"/>
      <c r="X23" s="135"/>
      <c r="Y23" s="135"/>
      <c r="Z23" s="135"/>
      <c r="AA23" s="136"/>
      <c r="AB23" s="137" t="s">
        <v>65</v>
      </c>
      <c r="AC23" s="138"/>
      <c r="AD23" s="139"/>
      <c r="AE23" s="135"/>
      <c r="AF23" s="135"/>
      <c r="AG23" s="135"/>
      <c r="AH23" s="135"/>
      <c r="AI23" s="135"/>
      <c r="AJ23" s="135"/>
      <c r="AK23" s="135"/>
      <c r="AL23" s="135"/>
      <c r="AM23" s="140"/>
      <c r="AN23" s="16"/>
      <c r="AO23" s="16"/>
      <c r="AP23" s="16"/>
    </row>
    <row r="24" spans="1:51" s="5" customFormat="1" ht="20.149999999999999" customHeight="1" thickBot="1" x14ac:dyDescent="0.6">
      <c r="A24" s="16"/>
      <c r="B24" s="222"/>
      <c r="C24" s="223"/>
      <c r="D24" s="197" t="s">
        <v>167</v>
      </c>
      <c r="E24" s="198"/>
      <c r="F24" s="120" t="s">
        <v>168</v>
      </c>
      <c r="G24" s="121"/>
      <c r="H24" s="125"/>
      <c r="I24" s="125"/>
      <c r="J24" s="125"/>
      <c r="K24" s="125"/>
      <c r="L24" s="125"/>
      <c r="M24" s="125"/>
      <c r="N24" s="125"/>
      <c r="O24" s="125"/>
      <c r="P24" s="125"/>
      <c r="Q24" s="125"/>
      <c r="R24" s="125"/>
      <c r="S24" s="125"/>
      <c r="T24" s="125"/>
      <c r="U24" s="125"/>
      <c r="V24" s="125"/>
      <c r="W24" s="125"/>
      <c r="X24" s="125"/>
      <c r="Y24" s="125"/>
      <c r="Z24" s="125"/>
      <c r="AA24" s="125"/>
      <c r="AB24" s="125"/>
      <c r="AC24" s="125"/>
      <c r="AD24" s="125"/>
      <c r="AE24" s="125"/>
      <c r="AF24" s="125"/>
      <c r="AG24" s="125"/>
      <c r="AH24" s="125"/>
      <c r="AI24" s="125"/>
      <c r="AJ24" s="125"/>
      <c r="AK24" s="125"/>
      <c r="AL24" s="125"/>
      <c r="AM24" s="126"/>
      <c r="AN24" s="16"/>
      <c r="AO24" s="16"/>
      <c r="AP24" s="16"/>
      <c r="AS24" s="116"/>
    </row>
    <row r="25" spans="1:51" s="5" customFormat="1" ht="20.149999999999999" customHeight="1" x14ac:dyDescent="0.55000000000000004">
      <c r="A25" s="16"/>
      <c r="B25" s="239" t="s">
        <v>22</v>
      </c>
      <c r="C25" s="240"/>
      <c r="D25" s="127" t="s">
        <v>164</v>
      </c>
      <c r="E25" s="128"/>
      <c r="F25" s="103" t="s">
        <v>64</v>
      </c>
      <c r="G25" s="129" t="s">
        <v>169</v>
      </c>
      <c r="H25" s="130"/>
      <c r="I25" s="130"/>
      <c r="J25" s="130"/>
      <c r="K25" s="130"/>
      <c r="L25" s="130"/>
      <c r="M25" s="130"/>
      <c r="N25" s="130"/>
      <c r="O25" s="130"/>
      <c r="P25" s="130"/>
      <c r="Q25" s="130"/>
      <c r="R25" s="130"/>
      <c r="S25" s="130"/>
      <c r="T25" s="130"/>
      <c r="U25" s="130"/>
      <c r="V25" s="130"/>
      <c r="W25" s="130"/>
      <c r="X25" s="130"/>
      <c r="Y25" s="130"/>
      <c r="Z25" s="130"/>
      <c r="AA25" s="130"/>
      <c r="AB25" s="130"/>
      <c r="AC25" s="130"/>
      <c r="AD25" s="130"/>
      <c r="AE25" s="130"/>
      <c r="AF25" s="130"/>
      <c r="AG25" s="130"/>
      <c r="AH25" s="130"/>
      <c r="AI25" s="130"/>
      <c r="AJ25" s="130"/>
      <c r="AK25" s="130"/>
      <c r="AL25" s="130"/>
      <c r="AM25" s="131"/>
      <c r="AN25" s="16"/>
      <c r="AO25" s="16"/>
      <c r="AP25" s="16"/>
      <c r="AR25" s="78"/>
    </row>
    <row r="26" spans="1:51" s="5" customFormat="1" ht="20.149999999999999" customHeight="1" x14ac:dyDescent="0.55000000000000004">
      <c r="A26" s="16"/>
      <c r="B26" s="241"/>
      <c r="C26" s="159"/>
      <c r="D26" s="132" t="s">
        <v>166</v>
      </c>
      <c r="E26" s="133"/>
      <c r="F26" s="104" t="s">
        <v>64</v>
      </c>
      <c r="G26" s="134"/>
      <c r="H26" s="135"/>
      <c r="I26" s="135"/>
      <c r="J26" s="135"/>
      <c r="K26" s="135"/>
      <c r="L26" s="135"/>
      <c r="M26" s="135"/>
      <c r="N26" s="135"/>
      <c r="O26" s="136"/>
      <c r="P26" s="137" t="s">
        <v>63</v>
      </c>
      <c r="Q26" s="138"/>
      <c r="R26" s="104" t="s">
        <v>64</v>
      </c>
      <c r="S26" s="134"/>
      <c r="T26" s="135"/>
      <c r="U26" s="135"/>
      <c r="V26" s="135"/>
      <c r="W26" s="135"/>
      <c r="X26" s="135"/>
      <c r="Y26" s="135"/>
      <c r="Z26" s="135"/>
      <c r="AA26" s="136"/>
      <c r="AB26" s="137" t="s">
        <v>65</v>
      </c>
      <c r="AC26" s="138"/>
      <c r="AD26" s="139"/>
      <c r="AE26" s="135"/>
      <c r="AF26" s="135"/>
      <c r="AG26" s="135"/>
      <c r="AH26" s="135"/>
      <c r="AI26" s="135"/>
      <c r="AJ26" s="135"/>
      <c r="AK26" s="135"/>
      <c r="AL26" s="135"/>
      <c r="AM26" s="140"/>
      <c r="AN26" s="16"/>
      <c r="AO26" s="16"/>
      <c r="AP26" s="16"/>
      <c r="AY26" s="2"/>
    </row>
    <row r="27" spans="1:51" s="5" customFormat="1" ht="20.149999999999999" customHeight="1" thickBot="1" x14ac:dyDescent="0.6">
      <c r="A27" s="16"/>
      <c r="B27" s="241"/>
      <c r="C27" s="159"/>
      <c r="D27" s="197" t="s">
        <v>167</v>
      </c>
      <c r="E27" s="198"/>
      <c r="F27" s="120" t="s">
        <v>168</v>
      </c>
      <c r="G27" s="121"/>
      <c r="H27" s="125"/>
      <c r="I27" s="125"/>
      <c r="J27" s="125"/>
      <c r="K27" s="125"/>
      <c r="L27" s="125"/>
      <c r="M27" s="125"/>
      <c r="N27" s="125"/>
      <c r="O27" s="125"/>
      <c r="P27" s="125"/>
      <c r="Q27" s="125"/>
      <c r="R27" s="125"/>
      <c r="S27" s="125"/>
      <c r="T27" s="125"/>
      <c r="U27" s="125"/>
      <c r="V27" s="125"/>
      <c r="W27" s="125"/>
      <c r="X27" s="125"/>
      <c r="Y27" s="125"/>
      <c r="Z27" s="125"/>
      <c r="AA27" s="125"/>
      <c r="AB27" s="125"/>
      <c r="AC27" s="125"/>
      <c r="AD27" s="125"/>
      <c r="AE27" s="125"/>
      <c r="AF27" s="125"/>
      <c r="AG27" s="125"/>
      <c r="AH27" s="125"/>
      <c r="AI27" s="125"/>
      <c r="AJ27" s="125"/>
      <c r="AK27" s="125"/>
      <c r="AL27" s="125"/>
      <c r="AM27" s="126"/>
      <c r="AN27" s="16"/>
      <c r="AO27" s="16"/>
      <c r="AP27" s="16"/>
    </row>
    <row r="28" spans="1:51" s="5" customFormat="1" ht="20.149999999999999" customHeight="1" x14ac:dyDescent="0.55000000000000004">
      <c r="A28" s="16"/>
      <c r="B28" s="183" t="s">
        <v>48</v>
      </c>
      <c r="C28" s="184"/>
      <c r="D28" s="127" t="s">
        <v>164</v>
      </c>
      <c r="E28" s="128"/>
      <c r="F28" s="103" t="s">
        <v>64</v>
      </c>
      <c r="G28" s="129" t="s">
        <v>176</v>
      </c>
      <c r="H28" s="130"/>
      <c r="I28" s="130"/>
      <c r="J28" s="130"/>
      <c r="K28" s="130"/>
      <c r="L28" s="130"/>
      <c r="M28" s="130"/>
      <c r="N28" s="130"/>
      <c r="O28" s="130"/>
      <c r="P28" s="130"/>
      <c r="Q28" s="130"/>
      <c r="R28" s="130"/>
      <c r="S28" s="130"/>
      <c r="T28" s="130"/>
      <c r="U28" s="130"/>
      <c r="V28" s="130"/>
      <c r="W28" s="130"/>
      <c r="X28" s="130"/>
      <c r="Y28" s="130"/>
      <c r="Z28" s="130"/>
      <c r="AA28" s="130"/>
      <c r="AB28" s="130"/>
      <c r="AC28" s="130"/>
      <c r="AD28" s="130"/>
      <c r="AE28" s="130"/>
      <c r="AF28" s="130"/>
      <c r="AG28" s="130"/>
      <c r="AH28" s="130"/>
      <c r="AI28" s="130"/>
      <c r="AJ28" s="130"/>
      <c r="AK28" s="130"/>
      <c r="AL28" s="130"/>
      <c r="AM28" s="131"/>
      <c r="AN28" s="16"/>
      <c r="AO28" s="16"/>
      <c r="AP28" s="16"/>
    </row>
    <row r="29" spans="1:51" s="5" customFormat="1" ht="20.149999999999999" customHeight="1" x14ac:dyDescent="0.55000000000000004">
      <c r="A29" s="16"/>
      <c r="B29" s="185"/>
      <c r="C29" s="186"/>
      <c r="D29" s="132" t="s">
        <v>166</v>
      </c>
      <c r="E29" s="133"/>
      <c r="F29" s="104" t="s">
        <v>64</v>
      </c>
      <c r="G29" s="134"/>
      <c r="H29" s="135"/>
      <c r="I29" s="135"/>
      <c r="J29" s="135"/>
      <c r="K29" s="135"/>
      <c r="L29" s="135"/>
      <c r="M29" s="135"/>
      <c r="N29" s="135"/>
      <c r="O29" s="136"/>
      <c r="P29" s="137" t="s">
        <v>63</v>
      </c>
      <c r="Q29" s="138"/>
      <c r="R29" s="104" t="s">
        <v>64</v>
      </c>
      <c r="S29" s="134"/>
      <c r="T29" s="135"/>
      <c r="U29" s="135"/>
      <c r="V29" s="135"/>
      <c r="W29" s="135"/>
      <c r="X29" s="135"/>
      <c r="Y29" s="135"/>
      <c r="Z29" s="135"/>
      <c r="AA29" s="136"/>
      <c r="AB29" s="137" t="s">
        <v>65</v>
      </c>
      <c r="AC29" s="138"/>
      <c r="AD29" s="139"/>
      <c r="AE29" s="135"/>
      <c r="AF29" s="135"/>
      <c r="AG29" s="135"/>
      <c r="AH29" s="135"/>
      <c r="AI29" s="135"/>
      <c r="AJ29" s="135"/>
      <c r="AK29" s="135"/>
      <c r="AL29" s="135"/>
      <c r="AM29" s="140"/>
      <c r="AN29" s="16"/>
      <c r="AO29" s="16"/>
      <c r="AP29" s="16"/>
    </row>
    <row r="30" spans="1:51" s="5" customFormat="1" ht="20.149999999999999" customHeight="1" thickBot="1" x14ac:dyDescent="0.6">
      <c r="A30" s="16"/>
      <c r="B30" s="187"/>
      <c r="C30" s="188"/>
      <c r="D30" s="197" t="s">
        <v>167</v>
      </c>
      <c r="E30" s="198"/>
      <c r="F30" s="120" t="s">
        <v>168</v>
      </c>
      <c r="G30" s="121"/>
      <c r="H30" s="125"/>
      <c r="I30" s="125"/>
      <c r="J30" s="125"/>
      <c r="K30" s="125"/>
      <c r="L30" s="125"/>
      <c r="M30" s="125"/>
      <c r="N30" s="125"/>
      <c r="O30" s="125"/>
      <c r="P30" s="125"/>
      <c r="Q30" s="125"/>
      <c r="R30" s="125"/>
      <c r="S30" s="125"/>
      <c r="T30" s="125"/>
      <c r="U30" s="125"/>
      <c r="V30" s="125"/>
      <c r="W30" s="125"/>
      <c r="X30" s="125"/>
      <c r="Y30" s="125"/>
      <c r="Z30" s="125"/>
      <c r="AA30" s="125"/>
      <c r="AB30" s="125"/>
      <c r="AC30" s="125"/>
      <c r="AD30" s="125"/>
      <c r="AE30" s="125"/>
      <c r="AF30" s="125"/>
      <c r="AG30" s="125"/>
      <c r="AH30" s="125"/>
      <c r="AI30" s="125"/>
      <c r="AJ30" s="125"/>
      <c r="AK30" s="125"/>
      <c r="AL30" s="125"/>
      <c r="AM30" s="126"/>
      <c r="AN30" s="16"/>
      <c r="AO30" s="16"/>
      <c r="AP30" s="16"/>
    </row>
    <row r="31" spans="1:51" s="5" customFormat="1" ht="20.149999999999999" customHeight="1" x14ac:dyDescent="0.55000000000000004">
      <c r="A31" s="16"/>
      <c r="B31" s="189" t="s">
        <v>59</v>
      </c>
      <c r="C31" s="190"/>
      <c r="D31" s="50" t="s">
        <v>19</v>
      </c>
      <c r="E31" s="51"/>
      <c r="F31" s="103" t="s">
        <v>64</v>
      </c>
      <c r="G31" s="129" t="s">
        <v>165</v>
      </c>
      <c r="H31" s="130"/>
      <c r="I31" s="130"/>
      <c r="J31" s="130"/>
      <c r="K31" s="130"/>
      <c r="L31" s="130"/>
      <c r="M31" s="130"/>
      <c r="N31" s="130"/>
      <c r="O31" s="130"/>
      <c r="P31" s="130"/>
      <c r="Q31" s="130"/>
      <c r="R31" s="130"/>
      <c r="S31" s="130"/>
      <c r="T31" s="130"/>
      <c r="U31" s="130"/>
      <c r="V31" s="130"/>
      <c r="W31" s="130"/>
      <c r="X31" s="130"/>
      <c r="Y31" s="130"/>
      <c r="Z31" s="130"/>
      <c r="AA31" s="130"/>
      <c r="AB31" s="130"/>
      <c r="AC31" s="130"/>
      <c r="AD31" s="130"/>
      <c r="AE31" s="130"/>
      <c r="AF31" s="130"/>
      <c r="AG31" s="130"/>
      <c r="AH31" s="130"/>
      <c r="AI31" s="130"/>
      <c r="AJ31" s="130"/>
      <c r="AK31" s="130"/>
      <c r="AL31" s="130"/>
      <c r="AM31" s="131"/>
      <c r="AN31" s="16"/>
      <c r="AO31" s="16"/>
      <c r="AP31" s="16"/>
    </row>
    <row r="32" spans="1:51" s="5" customFormat="1" ht="20.149999999999999" customHeight="1" x14ac:dyDescent="0.55000000000000004">
      <c r="A32" s="16"/>
      <c r="B32" s="189"/>
      <c r="C32" s="190"/>
      <c r="D32" s="50" t="s">
        <v>20</v>
      </c>
      <c r="E32" s="51"/>
      <c r="F32" s="105" t="s">
        <v>64</v>
      </c>
      <c r="G32" s="134"/>
      <c r="H32" s="135"/>
      <c r="I32" s="135"/>
      <c r="J32" s="135"/>
      <c r="K32" s="135"/>
      <c r="L32" s="135"/>
      <c r="M32" s="135"/>
      <c r="N32" s="135"/>
      <c r="O32" s="136"/>
      <c r="P32" s="137" t="s">
        <v>63</v>
      </c>
      <c r="Q32" s="138"/>
      <c r="R32" s="104" t="s">
        <v>64</v>
      </c>
      <c r="S32" s="134"/>
      <c r="T32" s="135"/>
      <c r="U32" s="135"/>
      <c r="V32" s="135"/>
      <c r="W32" s="135"/>
      <c r="X32" s="135"/>
      <c r="Y32" s="135"/>
      <c r="Z32" s="135"/>
      <c r="AA32" s="136"/>
      <c r="AB32" s="137" t="s">
        <v>65</v>
      </c>
      <c r="AC32" s="138"/>
      <c r="AD32" s="139"/>
      <c r="AE32" s="135"/>
      <c r="AF32" s="135"/>
      <c r="AG32" s="135"/>
      <c r="AH32" s="135"/>
      <c r="AI32" s="135"/>
      <c r="AJ32" s="135"/>
      <c r="AK32" s="135"/>
      <c r="AL32" s="135"/>
      <c r="AM32" s="140"/>
      <c r="AN32" s="16"/>
      <c r="AO32" s="16"/>
      <c r="AP32" s="16"/>
    </row>
    <row r="33" spans="1:43" s="5" customFormat="1" ht="20.149999999999999" customHeight="1" thickBot="1" x14ac:dyDescent="0.6">
      <c r="A33" s="16"/>
      <c r="B33" s="191"/>
      <c r="C33" s="192"/>
      <c r="D33" s="53" t="s">
        <v>21</v>
      </c>
      <c r="E33" s="54"/>
      <c r="F33" s="120" t="s">
        <v>168</v>
      </c>
      <c r="G33" s="121"/>
      <c r="H33" s="125"/>
      <c r="I33" s="125"/>
      <c r="J33" s="125"/>
      <c r="K33" s="125"/>
      <c r="L33" s="125"/>
      <c r="M33" s="125"/>
      <c r="N33" s="125"/>
      <c r="O33" s="125"/>
      <c r="P33" s="125"/>
      <c r="Q33" s="125"/>
      <c r="R33" s="125"/>
      <c r="S33" s="125"/>
      <c r="T33" s="125"/>
      <c r="U33" s="125"/>
      <c r="V33" s="125"/>
      <c r="W33" s="125"/>
      <c r="X33" s="125"/>
      <c r="Y33" s="125"/>
      <c r="Z33" s="125"/>
      <c r="AA33" s="125"/>
      <c r="AB33" s="125"/>
      <c r="AC33" s="125"/>
      <c r="AD33" s="125"/>
      <c r="AE33" s="125"/>
      <c r="AF33" s="125"/>
      <c r="AG33" s="125"/>
      <c r="AH33" s="125"/>
      <c r="AI33" s="125"/>
      <c r="AJ33" s="125"/>
      <c r="AK33" s="125"/>
      <c r="AL33" s="125"/>
      <c r="AM33" s="126"/>
      <c r="AN33" s="16"/>
      <c r="AO33" s="16"/>
      <c r="AP33" s="16"/>
    </row>
    <row r="34" spans="1:43" s="5" customFormat="1" ht="4.5" customHeight="1" thickBot="1" x14ac:dyDescent="0.6">
      <c r="A34" s="16"/>
      <c r="B34" s="16"/>
      <c r="C34" s="19"/>
      <c r="D34" s="17"/>
      <c r="E34" s="17"/>
      <c r="F34" s="17"/>
      <c r="G34" s="17"/>
      <c r="H34" s="17"/>
      <c r="I34" s="17"/>
      <c r="J34" s="17"/>
      <c r="K34" s="17"/>
      <c r="L34" s="17"/>
      <c r="M34" s="17"/>
      <c r="N34" s="17"/>
      <c r="O34" s="17"/>
      <c r="P34" s="17"/>
      <c r="Q34" s="17"/>
      <c r="R34" s="17"/>
      <c r="S34" s="17"/>
      <c r="T34" s="17"/>
      <c r="U34" s="17"/>
      <c r="V34" s="17"/>
      <c r="W34" s="17"/>
      <c r="X34" s="17"/>
      <c r="Y34" s="17"/>
      <c r="Z34" s="17"/>
      <c r="AA34" s="17"/>
      <c r="AB34" s="17"/>
      <c r="AC34" s="17"/>
      <c r="AD34" s="17"/>
      <c r="AE34" s="17"/>
      <c r="AF34" s="17"/>
      <c r="AG34" s="17"/>
      <c r="AH34" s="17"/>
      <c r="AI34" s="17"/>
      <c r="AJ34" s="17"/>
      <c r="AK34" s="17"/>
      <c r="AL34" s="17"/>
      <c r="AM34" s="17"/>
      <c r="AN34" s="16"/>
      <c r="AO34" s="16"/>
      <c r="AP34" s="16"/>
    </row>
    <row r="35" spans="1:43" s="5" customFormat="1" ht="23.25" customHeight="1" x14ac:dyDescent="0.55000000000000004">
      <c r="A35" s="16"/>
      <c r="B35" s="193" t="s">
        <v>23</v>
      </c>
      <c r="C35" s="194"/>
      <c r="D35" s="194"/>
      <c r="E35" s="195"/>
      <c r="F35" s="49" t="s">
        <v>49</v>
      </c>
      <c r="G35" s="58"/>
      <c r="H35" s="58"/>
      <c r="I35" s="59"/>
      <c r="J35" s="149"/>
      <c r="K35" s="130"/>
      <c r="L35" s="130"/>
      <c r="M35" s="130"/>
      <c r="N35" s="130"/>
      <c r="O35" s="130"/>
      <c r="P35" s="130"/>
      <c r="Q35" s="130"/>
      <c r="R35" s="130"/>
      <c r="S35" s="130"/>
      <c r="T35" s="130"/>
      <c r="U35" s="196"/>
      <c r="V35" s="60" t="s">
        <v>64</v>
      </c>
      <c r="W35" s="58" t="s">
        <v>66</v>
      </c>
      <c r="X35" s="58"/>
      <c r="Y35" s="58"/>
      <c r="Z35" s="59"/>
      <c r="AA35" s="149"/>
      <c r="AB35" s="130"/>
      <c r="AC35" s="130"/>
      <c r="AD35" s="130"/>
      <c r="AE35" s="130"/>
      <c r="AF35" s="130"/>
      <c r="AG35" s="130"/>
      <c r="AH35" s="130"/>
      <c r="AI35" s="130"/>
      <c r="AJ35" s="130"/>
      <c r="AK35" s="130"/>
      <c r="AL35" s="130"/>
      <c r="AM35" s="131"/>
      <c r="AN35" s="16"/>
      <c r="AO35" s="16"/>
      <c r="AP35" s="16"/>
    </row>
    <row r="36" spans="1:43" s="5" customFormat="1" ht="18.75" customHeight="1" x14ac:dyDescent="0.55000000000000004">
      <c r="A36" s="16"/>
      <c r="B36" s="145" t="s">
        <v>170</v>
      </c>
      <c r="C36" s="146"/>
      <c r="D36" s="141"/>
      <c r="E36" s="142"/>
      <c r="F36" s="142"/>
      <c r="G36" s="142"/>
      <c r="H36" s="142"/>
      <c r="I36" s="142"/>
      <c r="J36" s="143"/>
      <c r="K36" s="141"/>
      <c r="L36" s="142"/>
      <c r="M36" s="142"/>
      <c r="N36" s="142"/>
      <c r="O36" s="142"/>
      <c r="P36" s="142"/>
      <c r="Q36" s="142"/>
      <c r="R36" s="143"/>
      <c r="S36" s="141"/>
      <c r="T36" s="142"/>
      <c r="U36" s="142"/>
      <c r="V36" s="142"/>
      <c r="W36" s="142"/>
      <c r="X36" s="142"/>
      <c r="Y36" s="143"/>
      <c r="Z36" s="141"/>
      <c r="AA36" s="142"/>
      <c r="AB36" s="142"/>
      <c r="AC36" s="142"/>
      <c r="AD36" s="142"/>
      <c r="AE36" s="142"/>
      <c r="AF36" s="143"/>
      <c r="AG36" s="141"/>
      <c r="AH36" s="142"/>
      <c r="AI36" s="142"/>
      <c r="AJ36" s="142"/>
      <c r="AK36" s="142"/>
      <c r="AL36" s="142"/>
      <c r="AM36" s="144"/>
      <c r="AN36" s="16"/>
      <c r="AO36" s="16"/>
      <c r="AP36" s="16"/>
    </row>
    <row r="37" spans="1:43" s="5" customFormat="1" ht="18.75" customHeight="1" thickBot="1" x14ac:dyDescent="0.6">
      <c r="A37" s="16"/>
      <c r="B37" s="147"/>
      <c r="C37" s="148"/>
      <c r="D37" s="122"/>
      <c r="E37" s="123"/>
      <c r="F37" s="123"/>
      <c r="G37" s="123"/>
      <c r="H37" s="123"/>
      <c r="I37" s="123"/>
      <c r="J37" s="124"/>
      <c r="K37" s="122"/>
      <c r="L37" s="123"/>
      <c r="M37" s="123"/>
      <c r="N37" s="123"/>
      <c r="O37" s="125" t="s">
        <v>175</v>
      </c>
      <c r="P37" s="125"/>
      <c r="Q37" s="125"/>
      <c r="R37" s="125"/>
      <c r="S37" s="125"/>
      <c r="T37" s="125"/>
      <c r="U37" s="125"/>
      <c r="V37" s="125"/>
      <c r="W37" s="125"/>
      <c r="X37" s="125"/>
      <c r="Y37" s="125"/>
      <c r="Z37" s="125"/>
      <c r="AA37" s="125"/>
      <c r="AB37" s="125"/>
      <c r="AC37" s="125"/>
      <c r="AD37" s="125"/>
      <c r="AE37" s="125"/>
      <c r="AF37" s="125"/>
      <c r="AG37" s="125"/>
      <c r="AH37" s="125"/>
      <c r="AI37" s="125"/>
      <c r="AJ37" s="125"/>
      <c r="AK37" s="125"/>
      <c r="AL37" s="125"/>
      <c r="AM37" s="126"/>
      <c r="AN37" s="16"/>
      <c r="AO37" s="16"/>
      <c r="AP37" s="16"/>
    </row>
    <row r="38" spans="1:43" s="5" customFormat="1" ht="11.25" customHeight="1" thickBot="1" x14ac:dyDescent="0.6">
      <c r="A38" s="16"/>
      <c r="B38" s="16"/>
      <c r="C38" s="16"/>
      <c r="D38" s="16"/>
      <c r="E38" s="16"/>
      <c r="F38" s="16"/>
      <c r="G38" s="16"/>
      <c r="H38" s="16"/>
      <c r="I38" s="16"/>
      <c r="J38" s="16"/>
      <c r="K38" s="16"/>
      <c r="L38" s="16"/>
      <c r="M38" s="16"/>
      <c r="N38" s="16"/>
      <c r="O38" s="16"/>
      <c r="P38" s="16"/>
      <c r="Q38" s="16"/>
      <c r="R38" s="16"/>
      <c r="S38" s="16"/>
      <c r="T38" s="16"/>
      <c r="U38" s="16"/>
      <c r="V38" s="16"/>
      <c r="W38" s="16"/>
      <c r="X38" s="16"/>
      <c r="Y38" s="16"/>
      <c r="Z38" s="16"/>
      <c r="AA38" s="16"/>
      <c r="AB38" s="16"/>
      <c r="AC38" s="16"/>
      <c r="AD38" s="16"/>
      <c r="AE38" s="16"/>
      <c r="AF38" s="16"/>
      <c r="AG38" s="16"/>
      <c r="AH38" s="16"/>
      <c r="AI38" s="16"/>
      <c r="AJ38" s="16"/>
      <c r="AK38" s="16"/>
      <c r="AL38" s="16"/>
      <c r="AM38" s="16"/>
      <c r="AN38" s="16"/>
      <c r="AO38" s="16"/>
      <c r="AP38" s="16"/>
    </row>
    <row r="39" spans="1:43" s="5" customFormat="1" ht="20.149999999999999" customHeight="1" x14ac:dyDescent="0.55000000000000004">
      <c r="A39" s="16"/>
      <c r="B39" s="199" t="s">
        <v>171</v>
      </c>
      <c r="C39" s="200"/>
      <c r="D39" s="245" t="s">
        <v>177</v>
      </c>
      <c r="E39" s="246"/>
      <c r="F39" s="246"/>
      <c r="G39" s="246"/>
      <c r="H39" s="246"/>
      <c r="I39" s="246"/>
      <c r="J39" s="246"/>
      <c r="K39" s="246"/>
      <c r="L39" s="246"/>
      <c r="M39" s="246"/>
      <c r="N39" s="246"/>
      <c r="O39" s="246"/>
      <c r="P39" s="246"/>
      <c r="Q39" s="246"/>
      <c r="R39" s="246"/>
      <c r="S39" s="246"/>
      <c r="T39" s="246"/>
      <c r="U39" s="246"/>
      <c r="V39" s="246"/>
      <c r="W39" s="246"/>
      <c r="X39" s="246"/>
      <c r="Y39" s="246"/>
      <c r="Z39" s="246"/>
      <c r="AA39" s="246"/>
      <c r="AB39" s="246"/>
      <c r="AC39" s="246"/>
      <c r="AD39" s="246"/>
      <c r="AE39" s="246"/>
      <c r="AF39" s="246"/>
      <c r="AG39" s="246"/>
      <c r="AH39" s="246"/>
      <c r="AI39" s="246"/>
      <c r="AJ39" s="246"/>
      <c r="AK39" s="246"/>
      <c r="AL39" s="246"/>
      <c r="AM39" s="247"/>
      <c r="AN39" s="16"/>
      <c r="AO39" s="16"/>
      <c r="AP39" s="16"/>
    </row>
    <row r="40" spans="1:43" s="5" customFormat="1" ht="12" customHeight="1" x14ac:dyDescent="0.55000000000000004">
      <c r="A40" s="16"/>
      <c r="B40" s="201"/>
      <c r="C40" s="202"/>
      <c r="D40" s="248"/>
      <c r="E40" s="249"/>
      <c r="F40" s="249"/>
      <c r="G40" s="249"/>
      <c r="H40" s="249"/>
      <c r="I40" s="249"/>
      <c r="J40" s="249"/>
      <c r="K40" s="249"/>
      <c r="L40" s="249"/>
      <c r="M40" s="249"/>
      <c r="N40" s="249"/>
      <c r="O40" s="249"/>
      <c r="P40" s="249"/>
      <c r="Q40" s="249"/>
      <c r="R40" s="249"/>
      <c r="S40" s="249"/>
      <c r="T40" s="249"/>
      <c r="U40" s="249"/>
      <c r="V40" s="249"/>
      <c r="W40" s="249"/>
      <c r="X40" s="249"/>
      <c r="Y40" s="249"/>
      <c r="Z40" s="249"/>
      <c r="AA40" s="249"/>
      <c r="AB40" s="249"/>
      <c r="AC40" s="249"/>
      <c r="AD40" s="249"/>
      <c r="AE40" s="249"/>
      <c r="AF40" s="249"/>
      <c r="AG40" s="249"/>
      <c r="AH40" s="249"/>
      <c r="AI40" s="249"/>
      <c r="AJ40" s="249"/>
      <c r="AK40" s="249"/>
      <c r="AL40" s="249"/>
      <c r="AM40" s="250"/>
      <c r="AN40" s="16"/>
      <c r="AO40" s="16"/>
      <c r="AP40" s="16"/>
    </row>
    <row r="41" spans="1:43" s="5" customFormat="1" ht="17.25" customHeight="1" x14ac:dyDescent="0.55000000000000004">
      <c r="A41" s="16"/>
      <c r="B41" s="201"/>
      <c r="C41" s="202"/>
      <c r="D41" s="248"/>
      <c r="E41" s="249"/>
      <c r="F41" s="249"/>
      <c r="G41" s="249"/>
      <c r="H41" s="249"/>
      <c r="I41" s="249"/>
      <c r="J41" s="249"/>
      <c r="K41" s="249"/>
      <c r="L41" s="249"/>
      <c r="M41" s="249"/>
      <c r="N41" s="249"/>
      <c r="O41" s="249"/>
      <c r="P41" s="249"/>
      <c r="Q41" s="249"/>
      <c r="R41" s="249"/>
      <c r="S41" s="249"/>
      <c r="T41" s="249"/>
      <c r="U41" s="249"/>
      <c r="V41" s="249"/>
      <c r="W41" s="249"/>
      <c r="X41" s="249"/>
      <c r="Y41" s="249"/>
      <c r="Z41" s="249"/>
      <c r="AA41" s="249"/>
      <c r="AB41" s="249"/>
      <c r="AC41" s="249"/>
      <c r="AD41" s="249"/>
      <c r="AE41" s="249"/>
      <c r="AF41" s="249"/>
      <c r="AG41" s="249"/>
      <c r="AH41" s="249"/>
      <c r="AI41" s="249"/>
      <c r="AJ41" s="249"/>
      <c r="AK41" s="249"/>
      <c r="AL41" s="249"/>
      <c r="AM41" s="250"/>
      <c r="AN41" s="16"/>
      <c r="AO41" s="16"/>
      <c r="AP41" s="16"/>
    </row>
    <row r="42" spans="1:43" s="5" customFormat="1" ht="19.5" customHeight="1" x14ac:dyDescent="0.55000000000000004">
      <c r="A42" s="16"/>
      <c r="B42" s="201"/>
      <c r="C42" s="202"/>
      <c r="D42" s="248"/>
      <c r="E42" s="249"/>
      <c r="F42" s="249"/>
      <c r="G42" s="249"/>
      <c r="H42" s="249"/>
      <c r="I42" s="249"/>
      <c r="J42" s="249"/>
      <c r="K42" s="249"/>
      <c r="L42" s="249"/>
      <c r="M42" s="249"/>
      <c r="N42" s="249"/>
      <c r="O42" s="249"/>
      <c r="P42" s="249"/>
      <c r="Q42" s="249"/>
      <c r="R42" s="249"/>
      <c r="S42" s="249"/>
      <c r="T42" s="249"/>
      <c r="U42" s="249"/>
      <c r="V42" s="249"/>
      <c r="W42" s="249"/>
      <c r="X42" s="249"/>
      <c r="Y42" s="249"/>
      <c r="Z42" s="249"/>
      <c r="AA42" s="249"/>
      <c r="AB42" s="249"/>
      <c r="AC42" s="249"/>
      <c r="AD42" s="249"/>
      <c r="AE42" s="249"/>
      <c r="AF42" s="249"/>
      <c r="AG42" s="249"/>
      <c r="AH42" s="249"/>
      <c r="AI42" s="249"/>
      <c r="AJ42" s="249"/>
      <c r="AK42" s="249"/>
      <c r="AL42" s="249"/>
      <c r="AM42" s="250"/>
      <c r="AN42" s="16"/>
      <c r="AO42" s="16"/>
      <c r="AP42" s="16"/>
    </row>
    <row r="43" spans="1:43" s="5" customFormat="1" ht="12.75" customHeight="1" x14ac:dyDescent="0.55000000000000004">
      <c r="A43" s="16"/>
      <c r="B43" s="201"/>
      <c r="C43" s="202"/>
      <c r="D43" s="251"/>
      <c r="E43" s="252"/>
      <c r="F43" s="252"/>
      <c r="G43" s="252"/>
      <c r="H43" s="252"/>
      <c r="I43" s="252"/>
      <c r="J43" s="252"/>
      <c r="K43" s="252"/>
      <c r="L43" s="252"/>
      <c r="M43" s="252"/>
      <c r="N43" s="252"/>
      <c r="O43" s="252"/>
      <c r="P43" s="252"/>
      <c r="Q43" s="252"/>
      <c r="R43" s="252"/>
      <c r="S43" s="252"/>
      <c r="T43" s="252"/>
      <c r="U43" s="252"/>
      <c r="V43" s="252"/>
      <c r="W43" s="252"/>
      <c r="X43" s="252"/>
      <c r="Y43" s="252"/>
      <c r="Z43" s="252"/>
      <c r="AA43" s="252"/>
      <c r="AB43" s="252"/>
      <c r="AC43" s="252"/>
      <c r="AD43" s="252"/>
      <c r="AE43" s="252"/>
      <c r="AF43" s="252"/>
      <c r="AG43" s="252"/>
      <c r="AH43" s="252"/>
      <c r="AI43" s="252"/>
      <c r="AJ43" s="252"/>
      <c r="AK43" s="252"/>
      <c r="AL43" s="252"/>
      <c r="AM43" s="253"/>
      <c r="AN43" s="16"/>
      <c r="AO43" s="16"/>
      <c r="AP43" s="16"/>
    </row>
    <row r="44" spans="1:43" s="5" customFormat="1" ht="15" customHeight="1" x14ac:dyDescent="0.55000000000000004">
      <c r="A44" s="16"/>
      <c r="B44" s="203" t="s">
        <v>50</v>
      </c>
      <c r="C44" s="204"/>
      <c r="D44" s="61" t="s">
        <v>25</v>
      </c>
      <c r="E44" s="25" t="s">
        <v>51</v>
      </c>
      <c r="F44" s="62"/>
      <c r="G44" s="62"/>
      <c r="H44" s="62"/>
      <c r="I44" s="62"/>
      <c r="J44" s="62"/>
      <c r="K44" s="62"/>
      <c r="L44" s="62"/>
      <c r="M44" s="62"/>
      <c r="N44" s="62"/>
      <c r="O44" s="62"/>
      <c r="P44" s="62"/>
      <c r="Q44" s="62"/>
      <c r="R44" s="62"/>
      <c r="S44" s="62"/>
      <c r="T44" s="62"/>
      <c r="U44" s="62"/>
      <c r="V44" s="62"/>
      <c r="W44" s="62"/>
      <c r="X44" s="62"/>
      <c r="Y44" s="25"/>
      <c r="Z44" s="25"/>
      <c r="AA44" s="25"/>
      <c r="AB44" s="25"/>
      <c r="AC44" s="25"/>
      <c r="AD44" s="25"/>
      <c r="AE44" s="25"/>
      <c r="AF44" s="25"/>
      <c r="AG44" s="25"/>
      <c r="AH44" s="25"/>
      <c r="AI44" s="25"/>
      <c r="AJ44" s="25"/>
      <c r="AK44" s="63"/>
      <c r="AL44" s="63"/>
      <c r="AM44" s="64"/>
      <c r="AN44" s="16"/>
      <c r="AO44" s="16"/>
      <c r="AP44" s="16"/>
      <c r="AQ44" s="7"/>
    </row>
    <row r="45" spans="1:43" s="5" customFormat="1" ht="15" customHeight="1" x14ac:dyDescent="0.55000000000000004">
      <c r="A45" s="16"/>
      <c r="B45" s="205"/>
      <c r="C45" s="206"/>
      <c r="D45" s="65"/>
      <c r="E45" s="16"/>
      <c r="F45" s="16"/>
      <c r="G45" s="66"/>
      <c r="H45" s="66"/>
      <c r="I45" s="66"/>
      <c r="J45" s="66"/>
      <c r="K45" s="66"/>
      <c r="L45" s="66"/>
      <c r="M45" s="66"/>
      <c r="N45" s="66"/>
      <c r="O45" s="66"/>
      <c r="P45" s="66"/>
      <c r="Q45" s="66"/>
      <c r="R45" s="66"/>
      <c r="S45" s="66"/>
      <c r="T45" s="66"/>
      <c r="U45" s="66"/>
      <c r="V45" s="66"/>
      <c r="W45" s="66"/>
      <c r="X45" s="66"/>
      <c r="Y45" s="16"/>
      <c r="Z45" s="16"/>
      <c r="AA45" s="16"/>
      <c r="AB45" s="16"/>
      <c r="AC45" s="16"/>
      <c r="AD45" s="16"/>
      <c r="AE45" s="16"/>
      <c r="AF45" s="16"/>
      <c r="AG45" s="16"/>
      <c r="AH45" s="16"/>
      <c r="AI45" s="16"/>
      <c r="AJ45" s="16"/>
      <c r="AK45" s="67"/>
      <c r="AL45" s="67"/>
      <c r="AM45" s="29"/>
      <c r="AN45" s="16"/>
      <c r="AO45" s="16"/>
      <c r="AP45" s="16"/>
      <c r="AQ45" s="7"/>
    </row>
    <row r="46" spans="1:43" s="5" customFormat="1" ht="15" customHeight="1" x14ac:dyDescent="0.55000000000000004">
      <c r="A46" s="16"/>
      <c r="B46" s="205"/>
      <c r="C46" s="206"/>
      <c r="D46" s="65"/>
      <c r="E46" s="68" t="s">
        <v>26</v>
      </c>
      <c r="F46" s="69"/>
      <c r="G46" s="66"/>
      <c r="H46" s="66"/>
      <c r="I46" s="66"/>
      <c r="J46" s="66"/>
      <c r="K46" s="66"/>
      <c r="L46" s="66"/>
      <c r="M46" s="66"/>
      <c r="N46" s="66"/>
      <c r="O46" s="66"/>
      <c r="P46" s="66"/>
      <c r="Q46" s="66"/>
      <c r="R46" s="66"/>
      <c r="S46" s="66"/>
      <c r="T46" s="66"/>
      <c r="U46" s="66"/>
      <c r="V46" s="66"/>
      <c r="W46" s="66"/>
      <c r="X46" s="66"/>
      <c r="Y46" s="16"/>
      <c r="Z46" s="16"/>
      <c r="AA46" s="16"/>
      <c r="AB46" s="16"/>
      <c r="AC46" s="16"/>
      <c r="AD46" s="16"/>
      <c r="AE46" s="16"/>
      <c r="AF46" s="16"/>
      <c r="AG46" s="16"/>
      <c r="AH46" s="16"/>
      <c r="AI46" s="16"/>
      <c r="AJ46" s="16"/>
      <c r="AK46" s="67"/>
      <c r="AL46" s="67"/>
      <c r="AM46" s="29"/>
      <c r="AN46" s="16"/>
      <c r="AO46" s="16"/>
      <c r="AP46" s="16"/>
      <c r="AQ46" s="7"/>
    </row>
    <row r="47" spans="1:43" s="5" customFormat="1" ht="15" customHeight="1" x14ac:dyDescent="0.55000000000000004">
      <c r="A47" s="16"/>
      <c r="B47" s="205"/>
      <c r="C47" s="206"/>
      <c r="D47" s="65"/>
      <c r="E47" s="16"/>
      <c r="F47" s="16"/>
      <c r="G47" s="16"/>
      <c r="H47" s="16"/>
      <c r="I47" s="16"/>
      <c r="J47" s="16"/>
      <c r="K47" s="16"/>
      <c r="L47" s="16"/>
      <c r="M47" s="16"/>
      <c r="N47" s="16"/>
      <c r="O47" s="16"/>
      <c r="P47" s="16"/>
      <c r="Q47" s="16"/>
      <c r="R47" s="16"/>
      <c r="S47" s="16"/>
      <c r="T47" s="16"/>
      <c r="U47" s="16"/>
      <c r="V47" s="16"/>
      <c r="W47" s="16"/>
      <c r="X47" s="16"/>
      <c r="Y47" s="16"/>
      <c r="Z47" s="16"/>
      <c r="AA47" s="16"/>
      <c r="AB47" s="16"/>
      <c r="AC47" s="16"/>
      <c r="AD47" s="16"/>
      <c r="AE47" s="16"/>
      <c r="AF47" s="16"/>
      <c r="AG47" s="16"/>
      <c r="AH47" s="16"/>
      <c r="AI47" s="16"/>
      <c r="AJ47" s="16"/>
      <c r="AK47" s="16"/>
      <c r="AL47" s="16"/>
      <c r="AM47" s="29"/>
      <c r="AN47" s="16"/>
      <c r="AO47" s="16"/>
      <c r="AP47" s="16"/>
    </row>
    <row r="48" spans="1:43" s="5" customFormat="1" ht="15" customHeight="1" x14ac:dyDescent="0.55000000000000004">
      <c r="A48" s="16"/>
      <c r="B48" s="205"/>
      <c r="C48" s="206"/>
      <c r="D48" s="65" t="s">
        <v>27</v>
      </c>
      <c r="E48" s="16"/>
      <c r="F48" s="16"/>
      <c r="G48" s="16"/>
      <c r="H48" s="16"/>
      <c r="I48" s="16"/>
      <c r="J48" s="16"/>
      <c r="K48" s="16"/>
      <c r="L48" s="16"/>
      <c r="M48" s="16"/>
      <c r="N48" s="16"/>
      <c r="O48" s="16"/>
      <c r="P48" s="16"/>
      <c r="Q48" s="16"/>
      <c r="R48" s="16"/>
      <c r="S48" s="16"/>
      <c r="T48" s="16"/>
      <c r="U48" s="16"/>
      <c r="V48" s="16"/>
      <c r="W48" s="16"/>
      <c r="X48" s="16"/>
      <c r="Y48" s="16"/>
      <c r="Z48" s="16"/>
      <c r="AA48" s="16"/>
      <c r="AB48" s="16"/>
      <c r="AC48" s="16"/>
      <c r="AD48" s="16"/>
      <c r="AE48" s="16"/>
      <c r="AF48" s="16"/>
      <c r="AG48" s="16"/>
      <c r="AH48" s="16"/>
      <c r="AI48" s="16"/>
      <c r="AJ48" s="16"/>
      <c r="AK48" s="16"/>
      <c r="AL48" s="16"/>
      <c r="AM48" s="29"/>
      <c r="AN48" s="16"/>
      <c r="AO48" s="16"/>
      <c r="AP48" s="16"/>
    </row>
    <row r="49" spans="1:42" s="5" customFormat="1" ht="23.25" customHeight="1" thickBot="1" x14ac:dyDescent="0.6">
      <c r="A49" s="16"/>
      <c r="B49" s="207"/>
      <c r="C49" s="208"/>
      <c r="D49" s="70" t="s">
        <v>28</v>
      </c>
      <c r="E49" s="56" t="s">
        <v>29</v>
      </c>
      <c r="F49" s="56"/>
      <c r="G49" s="56"/>
      <c r="H49" s="56"/>
      <c r="I49" s="56"/>
      <c r="J49" s="56"/>
      <c r="K49" s="56"/>
      <c r="L49" s="56"/>
      <c r="M49" s="56"/>
      <c r="N49" s="56"/>
      <c r="O49" s="56"/>
      <c r="P49" s="56"/>
      <c r="Q49" s="56"/>
      <c r="R49" s="56"/>
      <c r="S49" s="56"/>
      <c r="T49" s="56"/>
      <c r="U49" s="56"/>
      <c r="V49" s="56"/>
      <c r="W49" s="56"/>
      <c r="X49" s="56"/>
      <c r="Y49" s="56"/>
      <c r="Z49" s="56"/>
      <c r="AA49" s="56"/>
      <c r="AB49" s="56"/>
      <c r="AC49" s="56"/>
      <c r="AD49" s="56"/>
      <c r="AE49" s="56"/>
      <c r="AF49" s="56"/>
      <c r="AG49" s="56"/>
      <c r="AH49" s="56"/>
      <c r="AI49" s="56"/>
      <c r="AJ49" s="56"/>
      <c r="AK49" s="56"/>
      <c r="AL49" s="56"/>
      <c r="AM49" s="57"/>
      <c r="AN49" s="16"/>
      <c r="AO49" s="16"/>
      <c r="AP49" s="16"/>
    </row>
    <row r="50" spans="1:42" s="5" customFormat="1" ht="22" customHeight="1" x14ac:dyDescent="0.55000000000000004">
      <c r="A50" s="16"/>
      <c r="B50" s="118" t="s">
        <v>178</v>
      </c>
      <c r="C50" s="118"/>
      <c r="D50" s="118"/>
      <c r="E50" s="118"/>
      <c r="F50" s="118"/>
      <c r="G50" s="118"/>
      <c r="H50" s="118"/>
      <c r="I50" s="118"/>
      <c r="J50" s="118"/>
      <c r="K50" s="118"/>
      <c r="L50" s="118"/>
      <c r="M50" s="118"/>
      <c r="N50" s="118"/>
      <c r="O50" s="118"/>
      <c r="P50" s="118"/>
      <c r="Q50" s="118"/>
      <c r="R50" s="118"/>
      <c r="S50" s="118"/>
      <c r="T50" s="118"/>
      <c r="U50" s="118"/>
      <c r="V50" s="118"/>
      <c r="W50" s="118"/>
      <c r="X50" s="118"/>
      <c r="Y50" s="118"/>
      <c r="Z50" s="118"/>
      <c r="AA50" s="118"/>
      <c r="AB50" s="118"/>
      <c r="AC50" s="118"/>
      <c r="AD50" s="118"/>
      <c r="AE50" s="118"/>
      <c r="AF50" s="118"/>
      <c r="AG50" s="118"/>
      <c r="AH50" s="118"/>
      <c r="AI50" s="118"/>
      <c r="AJ50" s="118"/>
      <c r="AK50" s="118"/>
      <c r="AL50" s="118"/>
      <c r="AM50" s="118"/>
      <c r="AN50" s="16"/>
      <c r="AO50" s="16"/>
      <c r="AP50" s="16"/>
    </row>
    <row r="51" spans="1:42" s="5" customFormat="1" ht="24.75" customHeight="1" x14ac:dyDescent="0.55000000000000004">
      <c r="A51" s="16"/>
      <c r="B51" s="119"/>
      <c r="C51" s="119"/>
      <c r="D51" s="119"/>
      <c r="E51" s="119"/>
      <c r="F51" s="119"/>
      <c r="G51" s="119"/>
      <c r="H51" s="119"/>
      <c r="I51" s="119"/>
      <c r="J51" s="119"/>
      <c r="K51" s="119"/>
      <c r="L51" s="119"/>
      <c r="M51" s="119"/>
      <c r="N51" s="119"/>
      <c r="O51" s="119"/>
      <c r="P51" s="119"/>
      <c r="Q51" s="119"/>
      <c r="R51" s="119"/>
      <c r="S51" s="119"/>
      <c r="T51" s="119"/>
      <c r="U51" s="119"/>
      <c r="V51" s="119"/>
      <c r="W51" s="119"/>
      <c r="X51" s="119"/>
      <c r="Y51" s="119"/>
      <c r="Z51" s="119"/>
      <c r="AA51" s="119"/>
      <c r="AB51" s="119"/>
      <c r="AC51" s="119"/>
      <c r="AD51" s="119"/>
      <c r="AE51" s="119"/>
      <c r="AF51" s="119"/>
      <c r="AG51" s="119"/>
      <c r="AH51" s="119"/>
      <c r="AI51" s="119"/>
      <c r="AJ51" s="119"/>
      <c r="AK51" s="119"/>
      <c r="AL51" s="119"/>
      <c r="AM51" s="119"/>
      <c r="AN51" s="16"/>
      <c r="AO51" s="16"/>
      <c r="AP51" s="16"/>
    </row>
    <row r="52" spans="1:42" s="5" customFormat="1" ht="9.75" customHeight="1" x14ac:dyDescent="0.55000000000000004">
      <c r="A52" s="16"/>
      <c r="B52" s="119"/>
      <c r="C52" s="119"/>
      <c r="D52" s="119"/>
      <c r="E52" s="119"/>
      <c r="F52" s="119"/>
      <c r="G52" s="119"/>
      <c r="H52" s="119"/>
      <c r="I52" s="119"/>
      <c r="J52" s="119"/>
      <c r="K52" s="119"/>
      <c r="L52" s="119"/>
      <c r="M52" s="119"/>
      <c r="N52" s="119"/>
      <c r="O52" s="119"/>
      <c r="P52" s="119"/>
      <c r="Q52" s="119"/>
      <c r="R52" s="119"/>
      <c r="S52" s="119"/>
      <c r="T52" s="119"/>
      <c r="U52" s="119"/>
      <c r="V52" s="119"/>
      <c r="W52" s="119"/>
      <c r="X52" s="119"/>
      <c r="Y52" s="119"/>
      <c r="Z52" s="119"/>
      <c r="AA52" s="119"/>
      <c r="AB52" s="119"/>
      <c r="AC52" s="119"/>
      <c r="AD52" s="119"/>
      <c r="AE52" s="119"/>
      <c r="AF52" s="119"/>
      <c r="AG52" s="119"/>
      <c r="AH52" s="119"/>
      <c r="AI52" s="119"/>
      <c r="AJ52" s="119"/>
      <c r="AK52" s="119"/>
      <c r="AL52" s="119"/>
      <c r="AM52" s="119"/>
      <c r="AN52" s="16"/>
      <c r="AO52" s="16"/>
      <c r="AP52" s="16"/>
    </row>
    <row r="53" spans="1:42" s="5" customFormat="1" ht="6.75" customHeight="1" x14ac:dyDescent="0.55000000000000004">
      <c r="A53" s="16"/>
      <c r="B53" s="119"/>
      <c r="C53" s="119"/>
      <c r="D53" s="119"/>
      <c r="E53" s="119"/>
      <c r="F53" s="119"/>
      <c r="G53" s="119"/>
      <c r="H53" s="119"/>
      <c r="I53" s="119"/>
      <c r="J53" s="119"/>
      <c r="K53" s="119"/>
      <c r="L53" s="119"/>
      <c r="M53" s="119"/>
      <c r="N53" s="119"/>
      <c r="O53" s="119"/>
      <c r="P53" s="119"/>
      <c r="Q53" s="119"/>
      <c r="R53" s="119"/>
      <c r="S53" s="119"/>
      <c r="T53" s="119"/>
      <c r="U53" s="119"/>
      <c r="V53" s="119"/>
      <c r="W53" s="119"/>
      <c r="X53" s="119"/>
      <c r="Y53" s="119"/>
      <c r="Z53" s="119"/>
      <c r="AA53" s="119"/>
      <c r="AB53" s="119"/>
      <c r="AC53" s="119"/>
      <c r="AD53" s="119"/>
      <c r="AE53" s="119"/>
      <c r="AF53" s="119"/>
      <c r="AG53" s="119"/>
      <c r="AH53" s="119"/>
      <c r="AI53" s="119"/>
      <c r="AJ53" s="119"/>
      <c r="AK53" s="119"/>
      <c r="AL53" s="119"/>
      <c r="AM53" s="119"/>
      <c r="AN53" s="16"/>
      <c r="AO53" s="16"/>
      <c r="AP53" s="16"/>
    </row>
    <row r="54" spans="1:42" s="5" customFormat="1" ht="6.75" customHeight="1" x14ac:dyDescent="0.55000000000000004">
      <c r="A54" s="16"/>
      <c r="B54" s="119"/>
      <c r="C54" s="119"/>
      <c r="D54" s="119"/>
      <c r="E54" s="119"/>
      <c r="F54" s="119"/>
      <c r="G54" s="119"/>
      <c r="H54" s="119"/>
      <c r="I54" s="119"/>
      <c r="J54" s="119"/>
      <c r="K54" s="119"/>
      <c r="L54" s="119"/>
      <c r="M54" s="119"/>
      <c r="N54" s="119"/>
      <c r="O54" s="119"/>
      <c r="P54" s="119"/>
      <c r="Q54" s="119"/>
      <c r="R54" s="119"/>
      <c r="S54" s="119"/>
      <c r="T54" s="119"/>
      <c r="U54" s="119"/>
      <c r="V54" s="119"/>
      <c r="W54" s="119"/>
      <c r="X54" s="119"/>
      <c r="Y54" s="119"/>
      <c r="Z54" s="119"/>
      <c r="AA54" s="119"/>
      <c r="AB54" s="119"/>
      <c r="AC54" s="119"/>
      <c r="AD54" s="119"/>
      <c r="AE54" s="119"/>
      <c r="AF54" s="119"/>
      <c r="AG54" s="119"/>
      <c r="AH54" s="119"/>
      <c r="AI54" s="119"/>
      <c r="AJ54" s="119"/>
      <c r="AK54" s="119"/>
      <c r="AL54" s="119"/>
      <c r="AM54" s="119"/>
      <c r="AN54" s="16"/>
      <c r="AO54" s="16"/>
      <c r="AP54" s="16"/>
    </row>
    <row r="55" spans="1:42" ht="15" customHeight="1" x14ac:dyDescent="0.55000000000000004">
      <c r="A55" s="10"/>
      <c r="B55" s="119"/>
      <c r="C55" s="119"/>
      <c r="D55" s="119"/>
      <c r="E55" s="119"/>
      <c r="F55" s="119"/>
      <c r="G55" s="119"/>
      <c r="H55" s="119"/>
      <c r="I55" s="119"/>
      <c r="J55" s="119"/>
      <c r="K55" s="119"/>
      <c r="L55" s="119"/>
      <c r="M55" s="119"/>
      <c r="N55" s="119"/>
      <c r="O55" s="119"/>
      <c r="P55" s="119"/>
      <c r="Q55" s="119"/>
      <c r="R55" s="119"/>
      <c r="S55" s="119"/>
      <c r="T55" s="119"/>
      <c r="U55" s="119"/>
      <c r="V55" s="119"/>
      <c r="W55" s="119"/>
      <c r="X55" s="119"/>
      <c r="Y55" s="119"/>
      <c r="Z55" s="119"/>
      <c r="AA55" s="119"/>
      <c r="AB55" s="119"/>
      <c r="AC55" s="119"/>
      <c r="AD55" s="119"/>
      <c r="AE55" s="119"/>
      <c r="AF55" s="119"/>
      <c r="AG55" s="119"/>
      <c r="AH55" s="119"/>
      <c r="AI55" s="119"/>
      <c r="AJ55" s="119"/>
      <c r="AK55" s="119"/>
      <c r="AL55" s="119"/>
      <c r="AM55" s="119"/>
      <c r="AN55" s="10"/>
      <c r="AO55" s="10"/>
      <c r="AP55" s="10"/>
    </row>
    <row r="56" spans="1:42" ht="0.75" hidden="1" customHeight="1" x14ac:dyDescent="0.55000000000000004"/>
  </sheetData>
  <sheetProtection algorithmName="SHA-512" hashValue="jSiBLdB/otb22Fg0uXfYlI1D3DRNOjkNjAjuz0ygSns/8odXwM5w70sNvKMqd4kIuu2lii7q9bUUAoVCtUL1pQ==" saltValue="+zj40WfhgmImnGSw/v24CA==" spinCount="100000" sheet="1" formatCells="0" formatColumns="0" formatRows="0" insertColumns="0" insertRows="0" insertHyperlinks="0" deleteColumns="0" deleteRows="0" sort="0" autoFilter="0" pivotTables="0"/>
  <mergeCells count="122">
    <mergeCell ref="U11:AA11"/>
    <mergeCell ref="B11:F11"/>
    <mergeCell ref="I14:O14"/>
    <mergeCell ref="Q14:R14"/>
    <mergeCell ref="G11:J11"/>
    <mergeCell ref="L11:N11"/>
    <mergeCell ref="P11:R11"/>
    <mergeCell ref="T14:U14"/>
    <mergeCell ref="B12:F12"/>
    <mergeCell ref="G12:K12"/>
    <mergeCell ref="L12:R12"/>
    <mergeCell ref="B14:C20"/>
    <mergeCell ref="D14:E14"/>
    <mergeCell ref="K13:AM13"/>
    <mergeCell ref="S12:Y12"/>
    <mergeCell ref="Z12:AF12"/>
    <mergeCell ref="AG12:AM12"/>
    <mergeCell ref="F14:H14"/>
    <mergeCell ref="D15:E20"/>
    <mergeCell ref="F15:H18"/>
    <mergeCell ref="F19:H19"/>
    <mergeCell ref="AB11:AM11"/>
    <mergeCell ref="R19:T19"/>
    <mergeCell ref="AB23:AC23"/>
    <mergeCell ref="AD23:AM23"/>
    <mergeCell ref="F20:H20"/>
    <mergeCell ref="I20:L20"/>
    <mergeCell ref="M20:P20"/>
    <mergeCell ref="Q20:S20"/>
    <mergeCell ref="D39:AM43"/>
    <mergeCell ref="D24:E24"/>
    <mergeCell ref="D27:E27"/>
    <mergeCell ref="D28:E28"/>
    <mergeCell ref="D22:E22"/>
    <mergeCell ref="G22:AM22"/>
    <mergeCell ref="D23:E23"/>
    <mergeCell ref="G23:O23"/>
    <mergeCell ref="P23:Q23"/>
    <mergeCell ref="U20:X20"/>
    <mergeCell ref="B39:C43"/>
    <mergeCell ref="B44:C49"/>
    <mergeCell ref="K36:R36"/>
    <mergeCell ref="I18:J18"/>
    <mergeCell ref="I19:J19"/>
    <mergeCell ref="F33:G33"/>
    <mergeCell ref="I15:J17"/>
    <mergeCell ref="D36:J36"/>
    <mergeCell ref="B22:C24"/>
    <mergeCell ref="H24:AM24"/>
    <mergeCell ref="AE15:AH15"/>
    <mergeCell ref="AI15:AM15"/>
    <mergeCell ref="AC17:AM17"/>
    <mergeCell ref="L15:AD15"/>
    <mergeCell ref="K16:AM16"/>
    <mergeCell ref="K17:Y17"/>
    <mergeCell ref="Z17:AB17"/>
    <mergeCell ref="K19:M19"/>
    <mergeCell ref="K18:V18"/>
    <mergeCell ref="W18:X18"/>
    <mergeCell ref="Y18:AM18"/>
    <mergeCell ref="AC20:AM20"/>
    <mergeCell ref="B25:C27"/>
    <mergeCell ref="S23:AA23"/>
    <mergeCell ref="B28:C30"/>
    <mergeCell ref="B31:C33"/>
    <mergeCell ref="B35:E35"/>
    <mergeCell ref="G29:O29"/>
    <mergeCell ref="P29:Q29"/>
    <mergeCell ref="S29:AA29"/>
    <mergeCell ref="AB29:AC29"/>
    <mergeCell ref="AD29:AM29"/>
    <mergeCell ref="J35:U35"/>
    <mergeCell ref="H33:AM33"/>
    <mergeCell ref="G32:O32"/>
    <mergeCell ref="P32:Q32"/>
    <mergeCell ref="S32:AA32"/>
    <mergeCell ref="AB32:AC32"/>
    <mergeCell ref="AD32:AM32"/>
    <mergeCell ref="D29:E29"/>
    <mergeCell ref="D30:E30"/>
    <mergeCell ref="A1:D1"/>
    <mergeCell ref="E1:V1"/>
    <mergeCell ref="W1:Y1"/>
    <mergeCell ref="P2:Q8"/>
    <mergeCell ref="R3:AM3"/>
    <mergeCell ref="R4:U6"/>
    <mergeCell ref="V4:AM4"/>
    <mergeCell ref="V5:AM5"/>
    <mergeCell ref="V6:AM6"/>
    <mergeCell ref="R7:T7"/>
    <mergeCell ref="U7:AB7"/>
    <mergeCell ref="AC7:AE7"/>
    <mergeCell ref="AF7:AM7"/>
    <mergeCell ref="B2:O8"/>
    <mergeCell ref="Z1:AD1"/>
    <mergeCell ref="AF1:AH1"/>
    <mergeCell ref="AJ1:AL1"/>
    <mergeCell ref="U2:AM2"/>
    <mergeCell ref="B50:AM55"/>
    <mergeCell ref="F30:G30"/>
    <mergeCell ref="D37:J37"/>
    <mergeCell ref="K37:N37"/>
    <mergeCell ref="O37:AM37"/>
    <mergeCell ref="F24:G24"/>
    <mergeCell ref="D25:E25"/>
    <mergeCell ref="G25:AM25"/>
    <mergeCell ref="D26:E26"/>
    <mergeCell ref="G26:O26"/>
    <mergeCell ref="P26:Q26"/>
    <mergeCell ref="S26:AA26"/>
    <mergeCell ref="AB26:AC26"/>
    <mergeCell ref="AD26:AM26"/>
    <mergeCell ref="H27:AM27"/>
    <mergeCell ref="H30:AM30"/>
    <mergeCell ref="F27:G27"/>
    <mergeCell ref="G28:AM28"/>
    <mergeCell ref="G31:AM31"/>
    <mergeCell ref="S36:Y36"/>
    <mergeCell ref="Z36:AF36"/>
    <mergeCell ref="AG36:AM36"/>
    <mergeCell ref="B36:C37"/>
    <mergeCell ref="AA35:AM35"/>
  </mergeCells>
  <phoneticPr fontId="2"/>
  <pageMargins left="0.7" right="0.7" top="0.75" bottom="0.75" header="0.3" footer="0.3"/>
  <pageSetup paperSize="9" scale="75"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34" r:id="rId4" name="Option Button 10">
              <controlPr defaultSize="0" autoFill="0" autoLine="0" autoPict="0">
                <anchor moveWithCells="1">
                  <from>
                    <xdr:col>6</xdr:col>
                    <xdr:colOff>133350</xdr:colOff>
                    <xdr:row>11</xdr:row>
                    <xdr:rowOff>0</xdr:rowOff>
                  </from>
                  <to>
                    <xdr:col>10</xdr:col>
                    <xdr:colOff>133350</xdr:colOff>
                    <xdr:row>11</xdr:row>
                    <xdr:rowOff>241300</xdr:rowOff>
                  </to>
                </anchor>
              </controlPr>
            </control>
          </mc:Choice>
        </mc:AlternateContent>
        <mc:AlternateContent xmlns:mc="http://schemas.openxmlformats.org/markup-compatibility/2006">
          <mc:Choice Requires="x14">
            <control shapeId="1035" r:id="rId5" name="Option Button 11">
              <controlPr defaultSize="0" autoFill="0" autoLine="0" autoPict="0">
                <anchor moveWithCells="1">
                  <from>
                    <xdr:col>11</xdr:col>
                    <xdr:colOff>114300</xdr:colOff>
                    <xdr:row>11</xdr:row>
                    <xdr:rowOff>0</xdr:rowOff>
                  </from>
                  <to>
                    <xdr:col>17</xdr:col>
                    <xdr:colOff>88900</xdr:colOff>
                    <xdr:row>11</xdr:row>
                    <xdr:rowOff>241300</xdr:rowOff>
                  </to>
                </anchor>
              </controlPr>
            </control>
          </mc:Choice>
        </mc:AlternateContent>
        <mc:AlternateContent xmlns:mc="http://schemas.openxmlformats.org/markup-compatibility/2006">
          <mc:Choice Requires="x14">
            <control shapeId="1036" r:id="rId6" name="Option Button 12">
              <controlPr defaultSize="0" autoFill="0" autoLine="0" autoPict="0">
                <anchor moveWithCells="1">
                  <from>
                    <xdr:col>18</xdr:col>
                    <xdr:colOff>95250</xdr:colOff>
                    <xdr:row>11</xdr:row>
                    <xdr:rowOff>0</xdr:rowOff>
                  </from>
                  <to>
                    <xdr:col>24</xdr:col>
                    <xdr:colOff>107950</xdr:colOff>
                    <xdr:row>11</xdr:row>
                    <xdr:rowOff>241300</xdr:rowOff>
                  </to>
                </anchor>
              </controlPr>
            </control>
          </mc:Choice>
        </mc:AlternateContent>
        <mc:AlternateContent xmlns:mc="http://schemas.openxmlformats.org/markup-compatibility/2006">
          <mc:Choice Requires="x14">
            <control shapeId="1038" r:id="rId7" name="Option Button 14">
              <controlPr defaultSize="0" autoFill="0" autoLine="0" autoPict="0">
                <anchor moveWithCells="1">
                  <from>
                    <xdr:col>32</xdr:col>
                    <xdr:colOff>146050</xdr:colOff>
                    <xdr:row>11</xdr:row>
                    <xdr:rowOff>12700</xdr:rowOff>
                  </from>
                  <to>
                    <xdr:col>38</xdr:col>
                    <xdr:colOff>190500</xdr:colOff>
                    <xdr:row>12</xdr:row>
                    <xdr:rowOff>0</xdr:rowOff>
                  </to>
                </anchor>
              </controlPr>
            </control>
          </mc:Choice>
        </mc:AlternateContent>
        <mc:AlternateContent xmlns:mc="http://schemas.openxmlformats.org/markup-compatibility/2006">
          <mc:Choice Requires="x14">
            <control shapeId="1039" r:id="rId8" name="Option Button 15">
              <controlPr defaultSize="0" autoFill="0" autoLine="0" autoPict="0">
                <anchor moveWithCells="1">
                  <from>
                    <xdr:col>20</xdr:col>
                    <xdr:colOff>0</xdr:colOff>
                    <xdr:row>8</xdr:row>
                    <xdr:rowOff>12700</xdr:rowOff>
                  </from>
                  <to>
                    <xdr:col>24</xdr:col>
                    <xdr:colOff>0</xdr:colOff>
                    <xdr:row>8</xdr:row>
                    <xdr:rowOff>247650</xdr:rowOff>
                  </to>
                </anchor>
              </controlPr>
            </control>
          </mc:Choice>
        </mc:AlternateContent>
        <mc:AlternateContent xmlns:mc="http://schemas.openxmlformats.org/markup-compatibility/2006">
          <mc:Choice Requires="x14">
            <control shapeId="1040" r:id="rId9" name="Option Button 16">
              <controlPr defaultSize="0" autoFill="0" autoLine="0" autoPict="0">
                <anchor moveWithCells="1">
                  <from>
                    <xdr:col>21</xdr:col>
                    <xdr:colOff>184150</xdr:colOff>
                    <xdr:row>8</xdr:row>
                    <xdr:rowOff>12700</xdr:rowOff>
                  </from>
                  <to>
                    <xdr:col>25</xdr:col>
                    <xdr:colOff>184150</xdr:colOff>
                    <xdr:row>8</xdr:row>
                    <xdr:rowOff>247650</xdr:rowOff>
                  </to>
                </anchor>
              </controlPr>
            </control>
          </mc:Choice>
        </mc:AlternateContent>
        <mc:AlternateContent xmlns:mc="http://schemas.openxmlformats.org/markup-compatibility/2006">
          <mc:Choice Requires="x14">
            <control shapeId="1043" r:id="rId10" name="Group Box 複数台">
              <controlPr defaultSize="0" print="0" autoFill="0" autoPict="0" altText="グループ19_x000a_">
                <anchor moveWithCells="1">
                  <from>
                    <xdr:col>16</xdr:col>
                    <xdr:colOff>114300</xdr:colOff>
                    <xdr:row>6</xdr:row>
                    <xdr:rowOff>590550</xdr:rowOff>
                  </from>
                  <to>
                    <xdr:col>28</xdr:col>
                    <xdr:colOff>76200</xdr:colOff>
                    <xdr:row>10</xdr:row>
                    <xdr:rowOff>38100</xdr:rowOff>
                  </to>
                </anchor>
              </controlPr>
            </control>
          </mc:Choice>
        </mc:AlternateContent>
        <mc:AlternateContent xmlns:mc="http://schemas.openxmlformats.org/markup-compatibility/2006">
          <mc:Choice Requires="x14">
            <control shapeId="1044" r:id="rId11" name="Group Box 集荷時間">
              <controlPr defaultSize="0" autoFill="0" autoPict="0">
                <anchor moveWithCells="1">
                  <from>
                    <xdr:col>5</xdr:col>
                    <xdr:colOff>31750</xdr:colOff>
                    <xdr:row>10</xdr:row>
                    <xdr:rowOff>203200</xdr:rowOff>
                  </from>
                  <to>
                    <xdr:col>40</xdr:col>
                    <xdr:colOff>12700</xdr:colOff>
                    <xdr:row>12</xdr:row>
                    <xdr:rowOff>107950</xdr:rowOff>
                  </to>
                </anchor>
              </controlPr>
            </control>
          </mc:Choice>
        </mc:AlternateContent>
        <mc:AlternateContent xmlns:mc="http://schemas.openxmlformats.org/markup-compatibility/2006">
          <mc:Choice Requires="x14">
            <control shapeId="1055" r:id="rId12" name="Option Button 31">
              <controlPr defaultSize="0" autoFill="0" autoLine="0" autoPict="0">
                <anchor moveWithCells="1">
                  <from>
                    <xdr:col>3</xdr:col>
                    <xdr:colOff>165100</xdr:colOff>
                    <xdr:row>43</xdr:row>
                    <xdr:rowOff>171450</xdr:rowOff>
                  </from>
                  <to>
                    <xdr:col>31</xdr:col>
                    <xdr:colOff>57150</xdr:colOff>
                    <xdr:row>45</xdr:row>
                    <xdr:rowOff>31750</xdr:rowOff>
                  </to>
                </anchor>
              </controlPr>
            </control>
          </mc:Choice>
        </mc:AlternateContent>
        <mc:AlternateContent xmlns:mc="http://schemas.openxmlformats.org/markup-compatibility/2006">
          <mc:Choice Requires="x14">
            <control shapeId="1056" r:id="rId13" name="Option Button 32">
              <controlPr defaultSize="0" autoFill="0" autoLine="0" autoPict="0">
                <anchor moveWithCells="1">
                  <from>
                    <xdr:col>3</xdr:col>
                    <xdr:colOff>171450</xdr:colOff>
                    <xdr:row>45</xdr:row>
                    <xdr:rowOff>184150</xdr:rowOff>
                  </from>
                  <to>
                    <xdr:col>38</xdr:col>
                    <xdr:colOff>336550</xdr:colOff>
                    <xdr:row>47</xdr:row>
                    <xdr:rowOff>38100</xdr:rowOff>
                  </to>
                </anchor>
              </controlPr>
            </control>
          </mc:Choice>
        </mc:AlternateContent>
        <mc:AlternateContent xmlns:mc="http://schemas.openxmlformats.org/markup-compatibility/2006">
          <mc:Choice Requires="x14">
            <control shapeId="1060" r:id="rId14" name="Group Boxデータ消去">
              <controlPr defaultSize="0" autoFill="0" autoPict="0">
                <anchor moveWithCells="1">
                  <from>
                    <xdr:col>3</xdr:col>
                    <xdr:colOff>146050</xdr:colOff>
                    <xdr:row>44</xdr:row>
                    <xdr:rowOff>12700</xdr:rowOff>
                  </from>
                  <to>
                    <xdr:col>38</xdr:col>
                    <xdr:colOff>228600</xdr:colOff>
                    <xdr:row>47</xdr:row>
                    <xdr:rowOff>31750</xdr:rowOff>
                  </to>
                </anchor>
              </controlPr>
            </control>
          </mc:Choice>
        </mc:AlternateContent>
        <mc:AlternateContent xmlns:mc="http://schemas.openxmlformats.org/markup-compatibility/2006">
          <mc:Choice Requires="x14">
            <control shapeId="1067" r:id="rId15" name="Check Box 43">
              <controlPr defaultSize="0" autoFill="0" autoLine="0" autoPict="0">
                <anchor moveWithCells="1">
                  <from>
                    <xdr:col>3</xdr:col>
                    <xdr:colOff>171450</xdr:colOff>
                    <xdr:row>46</xdr:row>
                    <xdr:rowOff>184150</xdr:rowOff>
                  </from>
                  <to>
                    <xdr:col>27</xdr:col>
                    <xdr:colOff>38100</xdr:colOff>
                    <xdr:row>48</xdr:row>
                    <xdr:rowOff>38100</xdr:rowOff>
                  </to>
                </anchor>
              </controlPr>
            </control>
          </mc:Choice>
        </mc:AlternateContent>
        <mc:AlternateContent xmlns:mc="http://schemas.openxmlformats.org/markup-compatibility/2006">
          <mc:Choice Requires="x14">
            <control shapeId="1069" r:id="rId16" name="Option Button 45">
              <controlPr defaultSize="0" autoFill="0" autoLine="0" autoPict="0">
                <anchor moveWithCells="1">
                  <from>
                    <xdr:col>25</xdr:col>
                    <xdr:colOff>12700</xdr:colOff>
                    <xdr:row>11</xdr:row>
                    <xdr:rowOff>0</xdr:rowOff>
                  </from>
                  <to>
                    <xdr:col>31</xdr:col>
                    <xdr:colOff>50800</xdr:colOff>
                    <xdr:row>11</xdr:row>
                    <xdr:rowOff>241300</xdr:rowOff>
                  </to>
                </anchor>
              </controlPr>
            </control>
          </mc:Choice>
        </mc:AlternateContent>
        <mc:AlternateContent xmlns:mc="http://schemas.openxmlformats.org/markup-compatibility/2006">
          <mc:Choice Requires="x14">
            <control shapeId="1070" r:id="rId17" name="支払い方法">
              <controlPr defaultSize="0" autoFill="0" autoPict="0">
                <anchor moveWithCells="1">
                  <from>
                    <xdr:col>7</xdr:col>
                    <xdr:colOff>152400</xdr:colOff>
                    <xdr:row>18</xdr:row>
                    <xdr:rowOff>228600</xdr:rowOff>
                  </from>
                  <to>
                    <xdr:col>19</xdr:col>
                    <xdr:colOff>88900</xdr:colOff>
                    <xdr:row>20</xdr:row>
                    <xdr:rowOff>57150</xdr:rowOff>
                  </to>
                </anchor>
              </controlPr>
            </control>
          </mc:Choice>
        </mc:AlternateContent>
        <mc:AlternateContent xmlns:mc="http://schemas.openxmlformats.org/markup-compatibility/2006">
          <mc:Choice Requires="x14">
            <control shapeId="1071" r:id="rId18" name="支払い：振込み">
              <controlPr defaultSize="0" autoFill="0" autoLine="0" autoPict="0">
                <anchor moveWithCells="1">
                  <from>
                    <xdr:col>7</xdr:col>
                    <xdr:colOff>190500</xdr:colOff>
                    <xdr:row>18</xdr:row>
                    <xdr:rowOff>241300</xdr:rowOff>
                  </from>
                  <to>
                    <xdr:col>11</xdr:col>
                    <xdr:colOff>107950</xdr:colOff>
                    <xdr:row>19</xdr:row>
                    <xdr:rowOff>241300</xdr:rowOff>
                  </to>
                </anchor>
              </controlPr>
            </control>
          </mc:Choice>
        </mc:AlternateContent>
        <mc:AlternateContent xmlns:mc="http://schemas.openxmlformats.org/markup-compatibility/2006">
          <mc:Choice Requires="x14">
            <control shapeId="1072" r:id="rId19" name="支払い;代引き">
              <controlPr defaultSize="0" autoFill="0" autoLine="0" autoPict="0">
                <anchor moveWithCells="1">
                  <from>
                    <xdr:col>11</xdr:col>
                    <xdr:colOff>190500</xdr:colOff>
                    <xdr:row>19</xdr:row>
                    <xdr:rowOff>0</xdr:rowOff>
                  </from>
                  <to>
                    <xdr:col>15</xdr:col>
                    <xdr:colOff>133350</xdr:colOff>
                    <xdr:row>20</xdr:row>
                    <xdr:rowOff>0</xdr:rowOff>
                  </to>
                </anchor>
              </controlPr>
            </control>
          </mc:Choice>
        </mc:AlternateContent>
        <mc:AlternateContent xmlns:mc="http://schemas.openxmlformats.org/markup-compatibility/2006">
          <mc:Choice Requires="x14">
            <control shapeId="1074" r:id="rId20" name="Check Box 50">
              <controlPr defaultSize="0" autoFill="0" autoLine="0" autoPict="0">
                <anchor moveWithCells="1">
                  <from>
                    <xdr:col>3</xdr:col>
                    <xdr:colOff>31750</xdr:colOff>
                    <xdr:row>35</xdr:row>
                    <xdr:rowOff>12700</xdr:rowOff>
                  </from>
                  <to>
                    <xdr:col>8</xdr:col>
                    <xdr:colOff>146050</xdr:colOff>
                    <xdr:row>36</xdr:row>
                    <xdr:rowOff>19050</xdr:rowOff>
                  </to>
                </anchor>
              </controlPr>
            </control>
          </mc:Choice>
        </mc:AlternateContent>
        <mc:AlternateContent xmlns:mc="http://schemas.openxmlformats.org/markup-compatibility/2006">
          <mc:Choice Requires="x14">
            <control shapeId="1075" r:id="rId21" name="Check Box 51">
              <controlPr defaultSize="0" autoFill="0" autoLine="0" autoPict="0">
                <anchor moveWithCells="1">
                  <from>
                    <xdr:col>10</xdr:col>
                    <xdr:colOff>31750</xdr:colOff>
                    <xdr:row>34</xdr:row>
                    <xdr:rowOff>412750</xdr:rowOff>
                  </from>
                  <to>
                    <xdr:col>13</xdr:col>
                    <xdr:colOff>133350</xdr:colOff>
                    <xdr:row>36</xdr:row>
                    <xdr:rowOff>12700</xdr:rowOff>
                  </to>
                </anchor>
              </controlPr>
            </control>
          </mc:Choice>
        </mc:AlternateContent>
        <mc:AlternateContent xmlns:mc="http://schemas.openxmlformats.org/markup-compatibility/2006">
          <mc:Choice Requires="x14">
            <control shapeId="1076" r:id="rId22" name="Check Box 52">
              <controlPr defaultSize="0" autoFill="0" autoLine="0" autoPict="0">
                <anchor moveWithCells="1">
                  <from>
                    <xdr:col>18</xdr:col>
                    <xdr:colOff>31750</xdr:colOff>
                    <xdr:row>34</xdr:row>
                    <xdr:rowOff>412750</xdr:rowOff>
                  </from>
                  <to>
                    <xdr:col>22</xdr:col>
                    <xdr:colOff>38100</xdr:colOff>
                    <xdr:row>36</xdr:row>
                    <xdr:rowOff>12700</xdr:rowOff>
                  </to>
                </anchor>
              </controlPr>
            </control>
          </mc:Choice>
        </mc:AlternateContent>
        <mc:AlternateContent xmlns:mc="http://schemas.openxmlformats.org/markup-compatibility/2006">
          <mc:Choice Requires="x14">
            <control shapeId="1077" r:id="rId23" name="Check Box 53">
              <controlPr defaultSize="0" autoFill="0" autoLine="0" autoPict="0">
                <anchor moveWithCells="1">
                  <from>
                    <xdr:col>25</xdr:col>
                    <xdr:colOff>38100</xdr:colOff>
                    <xdr:row>34</xdr:row>
                    <xdr:rowOff>412750</xdr:rowOff>
                  </from>
                  <to>
                    <xdr:col>29</xdr:col>
                    <xdr:colOff>146050</xdr:colOff>
                    <xdr:row>36</xdr:row>
                    <xdr:rowOff>12700</xdr:rowOff>
                  </to>
                </anchor>
              </controlPr>
            </control>
          </mc:Choice>
        </mc:AlternateContent>
        <mc:AlternateContent xmlns:mc="http://schemas.openxmlformats.org/markup-compatibility/2006">
          <mc:Choice Requires="x14">
            <control shapeId="1078" r:id="rId24" name="Check Box 54">
              <controlPr defaultSize="0" autoFill="0" autoLine="0" autoPict="0">
                <anchor moveWithCells="1">
                  <from>
                    <xdr:col>32</xdr:col>
                    <xdr:colOff>19050</xdr:colOff>
                    <xdr:row>34</xdr:row>
                    <xdr:rowOff>412750</xdr:rowOff>
                  </from>
                  <to>
                    <xdr:col>35</xdr:col>
                    <xdr:colOff>69850</xdr:colOff>
                    <xdr:row>36</xdr:row>
                    <xdr:rowOff>12700</xdr:rowOff>
                  </to>
                </anchor>
              </controlPr>
            </control>
          </mc:Choice>
        </mc:AlternateContent>
        <mc:AlternateContent xmlns:mc="http://schemas.openxmlformats.org/markup-compatibility/2006">
          <mc:Choice Requires="x14">
            <control shapeId="1079" r:id="rId25" name="Check Box 55">
              <controlPr defaultSize="0" autoFill="0" autoLine="0" autoPict="0">
                <anchor moveWithCells="1">
                  <from>
                    <xdr:col>3</xdr:col>
                    <xdr:colOff>19050</xdr:colOff>
                    <xdr:row>36</xdr:row>
                    <xdr:rowOff>0</xdr:rowOff>
                  </from>
                  <to>
                    <xdr:col>9</xdr:col>
                    <xdr:colOff>127000</xdr:colOff>
                    <xdr:row>37</xdr:row>
                    <xdr:rowOff>12700</xdr:rowOff>
                  </to>
                </anchor>
              </controlPr>
            </control>
          </mc:Choice>
        </mc:AlternateContent>
        <mc:AlternateContent xmlns:mc="http://schemas.openxmlformats.org/markup-compatibility/2006">
          <mc:Choice Requires="x14">
            <control shapeId="1080" r:id="rId26" name="Check Box 56">
              <controlPr defaultSize="0" autoFill="0" autoLine="0" autoPict="0">
                <anchor moveWithCells="1">
                  <from>
                    <xdr:col>10</xdr:col>
                    <xdr:colOff>31750</xdr:colOff>
                    <xdr:row>35</xdr:row>
                    <xdr:rowOff>228600</xdr:rowOff>
                  </from>
                  <to>
                    <xdr:col>13</xdr:col>
                    <xdr:colOff>184150</xdr:colOff>
                    <xdr:row>37</xdr:row>
                    <xdr:rowOff>0</xdr:rowOff>
                  </to>
                </anchor>
              </controlPr>
            </control>
          </mc:Choice>
        </mc:AlternateContent>
        <mc:AlternateContent xmlns:mc="http://schemas.openxmlformats.org/markup-compatibility/2006">
          <mc:Choice Requires="x14">
            <control shapeId="1081" r:id="rId27" name="Group Box 支払い方法">
              <controlPr defaultSize="0" autoFill="0" autoPict="0">
                <anchor moveWithCells="1">
                  <from>
                    <xdr:col>6</xdr:col>
                    <xdr:colOff>165100</xdr:colOff>
                    <xdr:row>18</xdr:row>
                    <xdr:rowOff>203200</xdr:rowOff>
                  </from>
                  <to>
                    <xdr:col>19</xdr:col>
                    <xdr:colOff>31750</xdr:colOff>
                    <xdr:row>19</xdr:row>
                    <xdr:rowOff>2413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P52"/>
  <sheetViews>
    <sheetView showGridLines="0" workbookViewId="0"/>
  </sheetViews>
  <sheetFormatPr defaultRowHeight="15" x14ac:dyDescent="0.35"/>
  <cols>
    <col min="1" max="1" width="5.25" style="71" customWidth="1"/>
    <col min="2" max="2" width="19.08203125" style="71" customWidth="1"/>
    <col min="3" max="3" width="17.25" style="71" customWidth="1"/>
    <col min="4" max="4" width="104.33203125" style="71" customWidth="1"/>
    <col min="5" max="5" width="14.25" style="71" customWidth="1"/>
    <col min="6" max="6" width="12.33203125" style="71" customWidth="1"/>
    <col min="7" max="7" width="11.83203125" style="71" customWidth="1"/>
    <col min="8" max="13" width="15.58203125" style="71" customWidth="1"/>
    <col min="14" max="14" width="9" style="71"/>
    <col min="15" max="15" width="14.75" style="71" customWidth="1"/>
    <col min="16" max="16" width="12" style="71" customWidth="1"/>
    <col min="17" max="256" width="9" style="71"/>
    <col min="257" max="257" width="5.25" style="71" customWidth="1"/>
    <col min="258" max="258" width="16" style="71" customWidth="1"/>
    <col min="259" max="259" width="17.25" style="71" customWidth="1"/>
    <col min="260" max="260" width="104.33203125" style="71" customWidth="1"/>
    <col min="261" max="261" width="9" style="71"/>
    <col min="262" max="262" width="11.83203125" style="71" customWidth="1"/>
    <col min="263" max="512" width="9" style="71"/>
    <col min="513" max="513" width="5.25" style="71" customWidth="1"/>
    <col min="514" max="514" width="16" style="71" customWidth="1"/>
    <col min="515" max="515" width="17.25" style="71" customWidth="1"/>
    <col min="516" max="516" width="104.33203125" style="71" customWidth="1"/>
    <col min="517" max="517" width="9" style="71"/>
    <col min="518" max="518" width="11.83203125" style="71" customWidth="1"/>
    <col min="519" max="768" width="9" style="71"/>
    <col min="769" max="769" width="5.25" style="71" customWidth="1"/>
    <col min="770" max="770" width="16" style="71" customWidth="1"/>
    <col min="771" max="771" width="17.25" style="71" customWidth="1"/>
    <col min="772" max="772" width="104.33203125" style="71" customWidth="1"/>
    <col min="773" max="773" width="9" style="71"/>
    <col min="774" max="774" width="11.83203125" style="71" customWidth="1"/>
    <col min="775" max="1024" width="9" style="71"/>
    <col min="1025" max="1025" width="5.25" style="71" customWidth="1"/>
    <col min="1026" max="1026" width="16" style="71" customWidth="1"/>
    <col min="1027" max="1027" width="17.25" style="71" customWidth="1"/>
    <col min="1028" max="1028" width="104.33203125" style="71" customWidth="1"/>
    <col min="1029" max="1029" width="9" style="71"/>
    <col min="1030" max="1030" width="11.83203125" style="71" customWidth="1"/>
    <col min="1031" max="1280" width="9" style="71"/>
    <col min="1281" max="1281" width="5.25" style="71" customWidth="1"/>
    <col min="1282" max="1282" width="16" style="71" customWidth="1"/>
    <col min="1283" max="1283" width="17.25" style="71" customWidth="1"/>
    <col min="1284" max="1284" width="104.33203125" style="71" customWidth="1"/>
    <col min="1285" max="1285" width="9" style="71"/>
    <col min="1286" max="1286" width="11.83203125" style="71" customWidth="1"/>
    <col min="1287" max="1536" width="9" style="71"/>
    <col min="1537" max="1537" width="5.25" style="71" customWidth="1"/>
    <col min="1538" max="1538" width="16" style="71" customWidth="1"/>
    <col min="1539" max="1539" width="17.25" style="71" customWidth="1"/>
    <col min="1540" max="1540" width="104.33203125" style="71" customWidth="1"/>
    <col min="1541" max="1541" width="9" style="71"/>
    <col min="1542" max="1542" width="11.83203125" style="71" customWidth="1"/>
    <col min="1543" max="1792" width="9" style="71"/>
    <col min="1793" max="1793" width="5.25" style="71" customWidth="1"/>
    <col min="1794" max="1794" width="16" style="71" customWidth="1"/>
    <col min="1795" max="1795" width="17.25" style="71" customWidth="1"/>
    <col min="1796" max="1796" width="104.33203125" style="71" customWidth="1"/>
    <col min="1797" max="1797" width="9" style="71"/>
    <col min="1798" max="1798" width="11.83203125" style="71" customWidth="1"/>
    <col min="1799" max="2048" width="9" style="71"/>
    <col min="2049" max="2049" width="5.25" style="71" customWidth="1"/>
    <col min="2050" max="2050" width="16" style="71" customWidth="1"/>
    <col min="2051" max="2051" width="17.25" style="71" customWidth="1"/>
    <col min="2052" max="2052" width="104.33203125" style="71" customWidth="1"/>
    <col min="2053" max="2053" width="9" style="71"/>
    <col min="2054" max="2054" width="11.83203125" style="71" customWidth="1"/>
    <col min="2055" max="2304" width="9" style="71"/>
    <col min="2305" max="2305" width="5.25" style="71" customWidth="1"/>
    <col min="2306" max="2306" width="16" style="71" customWidth="1"/>
    <col min="2307" max="2307" width="17.25" style="71" customWidth="1"/>
    <col min="2308" max="2308" width="104.33203125" style="71" customWidth="1"/>
    <col min="2309" max="2309" width="9" style="71"/>
    <col min="2310" max="2310" width="11.83203125" style="71" customWidth="1"/>
    <col min="2311" max="2560" width="9" style="71"/>
    <col min="2561" max="2561" width="5.25" style="71" customWidth="1"/>
    <col min="2562" max="2562" width="16" style="71" customWidth="1"/>
    <col min="2563" max="2563" width="17.25" style="71" customWidth="1"/>
    <col min="2564" max="2564" width="104.33203125" style="71" customWidth="1"/>
    <col min="2565" max="2565" width="9" style="71"/>
    <col min="2566" max="2566" width="11.83203125" style="71" customWidth="1"/>
    <col min="2567" max="2816" width="9" style="71"/>
    <col min="2817" max="2817" width="5.25" style="71" customWidth="1"/>
    <col min="2818" max="2818" width="16" style="71" customWidth="1"/>
    <col min="2819" max="2819" width="17.25" style="71" customWidth="1"/>
    <col min="2820" max="2820" width="104.33203125" style="71" customWidth="1"/>
    <col min="2821" max="2821" width="9" style="71"/>
    <col min="2822" max="2822" width="11.83203125" style="71" customWidth="1"/>
    <col min="2823" max="3072" width="9" style="71"/>
    <col min="3073" max="3073" width="5.25" style="71" customWidth="1"/>
    <col min="3074" max="3074" width="16" style="71" customWidth="1"/>
    <col min="3075" max="3075" width="17.25" style="71" customWidth="1"/>
    <col min="3076" max="3076" width="104.33203125" style="71" customWidth="1"/>
    <col min="3077" max="3077" width="9" style="71"/>
    <col min="3078" max="3078" width="11.83203125" style="71" customWidth="1"/>
    <col min="3079" max="3328" width="9" style="71"/>
    <col min="3329" max="3329" width="5.25" style="71" customWidth="1"/>
    <col min="3330" max="3330" width="16" style="71" customWidth="1"/>
    <col min="3331" max="3331" width="17.25" style="71" customWidth="1"/>
    <col min="3332" max="3332" width="104.33203125" style="71" customWidth="1"/>
    <col min="3333" max="3333" width="9" style="71"/>
    <col min="3334" max="3334" width="11.83203125" style="71" customWidth="1"/>
    <col min="3335" max="3584" width="9" style="71"/>
    <col min="3585" max="3585" width="5.25" style="71" customWidth="1"/>
    <col min="3586" max="3586" width="16" style="71" customWidth="1"/>
    <col min="3587" max="3587" width="17.25" style="71" customWidth="1"/>
    <col min="3588" max="3588" width="104.33203125" style="71" customWidth="1"/>
    <col min="3589" max="3589" width="9" style="71"/>
    <col min="3590" max="3590" width="11.83203125" style="71" customWidth="1"/>
    <col min="3591" max="3840" width="9" style="71"/>
    <col min="3841" max="3841" width="5.25" style="71" customWidth="1"/>
    <col min="3842" max="3842" width="16" style="71" customWidth="1"/>
    <col min="3843" max="3843" width="17.25" style="71" customWidth="1"/>
    <col min="3844" max="3844" width="104.33203125" style="71" customWidth="1"/>
    <col min="3845" max="3845" width="9" style="71"/>
    <col min="3846" max="3846" width="11.83203125" style="71" customWidth="1"/>
    <col min="3847" max="4096" width="9" style="71"/>
    <col min="4097" max="4097" width="5.25" style="71" customWidth="1"/>
    <col min="4098" max="4098" width="16" style="71" customWidth="1"/>
    <col min="4099" max="4099" width="17.25" style="71" customWidth="1"/>
    <col min="4100" max="4100" width="104.33203125" style="71" customWidth="1"/>
    <col min="4101" max="4101" width="9" style="71"/>
    <col min="4102" max="4102" width="11.83203125" style="71" customWidth="1"/>
    <col min="4103" max="4352" width="9" style="71"/>
    <col min="4353" max="4353" width="5.25" style="71" customWidth="1"/>
    <col min="4354" max="4354" width="16" style="71" customWidth="1"/>
    <col min="4355" max="4355" width="17.25" style="71" customWidth="1"/>
    <col min="4356" max="4356" width="104.33203125" style="71" customWidth="1"/>
    <col min="4357" max="4357" width="9" style="71"/>
    <col min="4358" max="4358" width="11.83203125" style="71" customWidth="1"/>
    <col min="4359" max="4608" width="9" style="71"/>
    <col min="4609" max="4609" width="5.25" style="71" customWidth="1"/>
    <col min="4610" max="4610" width="16" style="71" customWidth="1"/>
    <col min="4611" max="4611" width="17.25" style="71" customWidth="1"/>
    <col min="4612" max="4612" width="104.33203125" style="71" customWidth="1"/>
    <col min="4613" max="4613" width="9" style="71"/>
    <col min="4614" max="4614" width="11.83203125" style="71" customWidth="1"/>
    <col min="4615" max="4864" width="9" style="71"/>
    <col min="4865" max="4865" width="5.25" style="71" customWidth="1"/>
    <col min="4866" max="4866" width="16" style="71" customWidth="1"/>
    <col min="4867" max="4867" width="17.25" style="71" customWidth="1"/>
    <col min="4868" max="4868" width="104.33203125" style="71" customWidth="1"/>
    <col min="4869" max="4869" width="9" style="71"/>
    <col min="4870" max="4870" width="11.83203125" style="71" customWidth="1"/>
    <col min="4871" max="5120" width="9" style="71"/>
    <col min="5121" max="5121" width="5.25" style="71" customWidth="1"/>
    <col min="5122" max="5122" width="16" style="71" customWidth="1"/>
    <col min="5123" max="5123" width="17.25" style="71" customWidth="1"/>
    <col min="5124" max="5124" width="104.33203125" style="71" customWidth="1"/>
    <col min="5125" max="5125" width="9" style="71"/>
    <col min="5126" max="5126" width="11.83203125" style="71" customWidth="1"/>
    <col min="5127" max="5376" width="9" style="71"/>
    <col min="5377" max="5377" width="5.25" style="71" customWidth="1"/>
    <col min="5378" max="5378" width="16" style="71" customWidth="1"/>
    <col min="5379" max="5379" width="17.25" style="71" customWidth="1"/>
    <col min="5380" max="5380" width="104.33203125" style="71" customWidth="1"/>
    <col min="5381" max="5381" width="9" style="71"/>
    <col min="5382" max="5382" width="11.83203125" style="71" customWidth="1"/>
    <col min="5383" max="5632" width="9" style="71"/>
    <col min="5633" max="5633" width="5.25" style="71" customWidth="1"/>
    <col min="5634" max="5634" width="16" style="71" customWidth="1"/>
    <col min="5635" max="5635" width="17.25" style="71" customWidth="1"/>
    <col min="5636" max="5636" width="104.33203125" style="71" customWidth="1"/>
    <col min="5637" max="5637" width="9" style="71"/>
    <col min="5638" max="5638" width="11.83203125" style="71" customWidth="1"/>
    <col min="5639" max="5888" width="9" style="71"/>
    <col min="5889" max="5889" width="5.25" style="71" customWidth="1"/>
    <col min="5890" max="5890" width="16" style="71" customWidth="1"/>
    <col min="5891" max="5891" width="17.25" style="71" customWidth="1"/>
    <col min="5892" max="5892" width="104.33203125" style="71" customWidth="1"/>
    <col min="5893" max="5893" width="9" style="71"/>
    <col min="5894" max="5894" width="11.83203125" style="71" customWidth="1"/>
    <col min="5895" max="6144" width="9" style="71"/>
    <col min="6145" max="6145" width="5.25" style="71" customWidth="1"/>
    <col min="6146" max="6146" width="16" style="71" customWidth="1"/>
    <col min="6147" max="6147" width="17.25" style="71" customWidth="1"/>
    <col min="6148" max="6148" width="104.33203125" style="71" customWidth="1"/>
    <col min="6149" max="6149" width="9" style="71"/>
    <col min="6150" max="6150" width="11.83203125" style="71" customWidth="1"/>
    <col min="6151" max="6400" width="9" style="71"/>
    <col min="6401" max="6401" width="5.25" style="71" customWidth="1"/>
    <col min="6402" max="6402" width="16" style="71" customWidth="1"/>
    <col min="6403" max="6403" width="17.25" style="71" customWidth="1"/>
    <col min="6404" max="6404" width="104.33203125" style="71" customWidth="1"/>
    <col min="6405" max="6405" width="9" style="71"/>
    <col min="6406" max="6406" width="11.83203125" style="71" customWidth="1"/>
    <col min="6407" max="6656" width="9" style="71"/>
    <col min="6657" max="6657" width="5.25" style="71" customWidth="1"/>
    <col min="6658" max="6658" width="16" style="71" customWidth="1"/>
    <col min="6659" max="6659" width="17.25" style="71" customWidth="1"/>
    <col min="6660" max="6660" width="104.33203125" style="71" customWidth="1"/>
    <col min="6661" max="6661" width="9" style="71"/>
    <col min="6662" max="6662" width="11.83203125" style="71" customWidth="1"/>
    <col min="6663" max="6912" width="9" style="71"/>
    <col min="6913" max="6913" width="5.25" style="71" customWidth="1"/>
    <col min="6914" max="6914" width="16" style="71" customWidth="1"/>
    <col min="6915" max="6915" width="17.25" style="71" customWidth="1"/>
    <col min="6916" max="6916" width="104.33203125" style="71" customWidth="1"/>
    <col min="6917" max="6917" width="9" style="71"/>
    <col min="6918" max="6918" width="11.83203125" style="71" customWidth="1"/>
    <col min="6919" max="7168" width="9" style="71"/>
    <col min="7169" max="7169" width="5.25" style="71" customWidth="1"/>
    <col min="7170" max="7170" width="16" style="71" customWidth="1"/>
    <col min="7171" max="7171" width="17.25" style="71" customWidth="1"/>
    <col min="7172" max="7172" width="104.33203125" style="71" customWidth="1"/>
    <col min="7173" max="7173" width="9" style="71"/>
    <col min="7174" max="7174" width="11.83203125" style="71" customWidth="1"/>
    <col min="7175" max="7424" width="9" style="71"/>
    <col min="7425" max="7425" width="5.25" style="71" customWidth="1"/>
    <col min="7426" max="7426" width="16" style="71" customWidth="1"/>
    <col min="7427" max="7427" width="17.25" style="71" customWidth="1"/>
    <col min="7428" max="7428" width="104.33203125" style="71" customWidth="1"/>
    <col min="7429" max="7429" width="9" style="71"/>
    <col min="7430" max="7430" width="11.83203125" style="71" customWidth="1"/>
    <col min="7431" max="7680" width="9" style="71"/>
    <col min="7681" max="7681" width="5.25" style="71" customWidth="1"/>
    <col min="7682" max="7682" width="16" style="71" customWidth="1"/>
    <col min="7683" max="7683" width="17.25" style="71" customWidth="1"/>
    <col min="7684" max="7684" width="104.33203125" style="71" customWidth="1"/>
    <col min="7685" max="7685" width="9" style="71"/>
    <col min="7686" max="7686" width="11.83203125" style="71" customWidth="1"/>
    <col min="7687" max="7936" width="9" style="71"/>
    <col min="7937" max="7937" width="5.25" style="71" customWidth="1"/>
    <col min="7938" max="7938" width="16" style="71" customWidth="1"/>
    <col min="7939" max="7939" width="17.25" style="71" customWidth="1"/>
    <col min="7940" max="7940" width="104.33203125" style="71" customWidth="1"/>
    <col min="7941" max="7941" width="9" style="71"/>
    <col min="7942" max="7942" width="11.83203125" style="71" customWidth="1"/>
    <col min="7943" max="8192" width="9" style="71"/>
    <col min="8193" max="8193" width="5.25" style="71" customWidth="1"/>
    <col min="8194" max="8194" width="16" style="71" customWidth="1"/>
    <col min="8195" max="8195" width="17.25" style="71" customWidth="1"/>
    <col min="8196" max="8196" width="104.33203125" style="71" customWidth="1"/>
    <col min="8197" max="8197" width="9" style="71"/>
    <col min="8198" max="8198" width="11.83203125" style="71" customWidth="1"/>
    <col min="8199" max="8448" width="9" style="71"/>
    <col min="8449" max="8449" width="5.25" style="71" customWidth="1"/>
    <col min="8450" max="8450" width="16" style="71" customWidth="1"/>
    <col min="8451" max="8451" width="17.25" style="71" customWidth="1"/>
    <col min="8452" max="8452" width="104.33203125" style="71" customWidth="1"/>
    <col min="8453" max="8453" width="9" style="71"/>
    <col min="8454" max="8454" width="11.83203125" style="71" customWidth="1"/>
    <col min="8455" max="8704" width="9" style="71"/>
    <col min="8705" max="8705" width="5.25" style="71" customWidth="1"/>
    <col min="8706" max="8706" width="16" style="71" customWidth="1"/>
    <col min="8707" max="8707" width="17.25" style="71" customWidth="1"/>
    <col min="8708" max="8708" width="104.33203125" style="71" customWidth="1"/>
    <col min="8709" max="8709" width="9" style="71"/>
    <col min="8710" max="8710" width="11.83203125" style="71" customWidth="1"/>
    <col min="8711" max="8960" width="9" style="71"/>
    <col min="8961" max="8961" width="5.25" style="71" customWidth="1"/>
    <col min="8962" max="8962" width="16" style="71" customWidth="1"/>
    <col min="8963" max="8963" width="17.25" style="71" customWidth="1"/>
    <col min="8964" max="8964" width="104.33203125" style="71" customWidth="1"/>
    <col min="8965" max="8965" width="9" style="71"/>
    <col min="8966" max="8966" width="11.83203125" style="71" customWidth="1"/>
    <col min="8967" max="9216" width="9" style="71"/>
    <col min="9217" max="9217" width="5.25" style="71" customWidth="1"/>
    <col min="9218" max="9218" width="16" style="71" customWidth="1"/>
    <col min="9219" max="9219" width="17.25" style="71" customWidth="1"/>
    <col min="9220" max="9220" width="104.33203125" style="71" customWidth="1"/>
    <col min="9221" max="9221" width="9" style="71"/>
    <col min="9222" max="9222" width="11.83203125" style="71" customWidth="1"/>
    <col min="9223" max="9472" width="9" style="71"/>
    <col min="9473" max="9473" width="5.25" style="71" customWidth="1"/>
    <col min="9474" max="9474" width="16" style="71" customWidth="1"/>
    <col min="9475" max="9475" width="17.25" style="71" customWidth="1"/>
    <col min="9476" max="9476" width="104.33203125" style="71" customWidth="1"/>
    <col min="9477" max="9477" width="9" style="71"/>
    <col min="9478" max="9478" width="11.83203125" style="71" customWidth="1"/>
    <col min="9479" max="9728" width="9" style="71"/>
    <col min="9729" max="9729" width="5.25" style="71" customWidth="1"/>
    <col min="9730" max="9730" width="16" style="71" customWidth="1"/>
    <col min="9731" max="9731" width="17.25" style="71" customWidth="1"/>
    <col min="9732" max="9732" width="104.33203125" style="71" customWidth="1"/>
    <col min="9733" max="9733" width="9" style="71"/>
    <col min="9734" max="9734" width="11.83203125" style="71" customWidth="1"/>
    <col min="9735" max="9984" width="9" style="71"/>
    <col min="9985" max="9985" width="5.25" style="71" customWidth="1"/>
    <col min="9986" max="9986" width="16" style="71" customWidth="1"/>
    <col min="9987" max="9987" width="17.25" style="71" customWidth="1"/>
    <col min="9988" max="9988" width="104.33203125" style="71" customWidth="1"/>
    <col min="9989" max="9989" width="9" style="71"/>
    <col min="9990" max="9990" width="11.83203125" style="71" customWidth="1"/>
    <col min="9991" max="10240" width="9" style="71"/>
    <col min="10241" max="10241" width="5.25" style="71" customWidth="1"/>
    <col min="10242" max="10242" width="16" style="71" customWidth="1"/>
    <col min="10243" max="10243" width="17.25" style="71" customWidth="1"/>
    <col min="10244" max="10244" width="104.33203125" style="71" customWidth="1"/>
    <col min="10245" max="10245" width="9" style="71"/>
    <col min="10246" max="10246" width="11.83203125" style="71" customWidth="1"/>
    <col min="10247" max="10496" width="9" style="71"/>
    <col min="10497" max="10497" width="5.25" style="71" customWidth="1"/>
    <col min="10498" max="10498" width="16" style="71" customWidth="1"/>
    <col min="10499" max="10499" width="17.25" style="71" customWidth="1"/>
    <col min="10500" max="10500" width="104.33203125" style="71" customWidth="1"/>
    <col min="10501" max="10501" width="9" style="71"/>
    <col min="10502" max="10502" width="11.83203125" style="71" customWidth="1"/>
    <col min="10503" max="10752" width="9" style="71"/>
    <col min="10753" max="10753" width="5.25" style="71" customWidth="1"/>
    <col min="10754" max="10754" width="16" style="71" customWidth="1"/>
    <col min="10755" max="10755" width="17.25" style="71" customWidth="1"/>
    <col min="10756" max="10756" width="104.33203125" style="71" customWidth="1"/>
    <col min="10757" max="10757" width="9" style="71"/>
    <col min="10758" max="10758" width="11.83203125" style="71" customWidth="1"/>
    <col min="10759" max="11008" width="9" style="71"/>
    <col min="11009" max="11009" width="5.25" style="71" customWidth="1"/>
    <col min="11010" max="11010" width="16" style="71" customWidth="1"/>
    <col min="11011" max="11011" width="17.25" style="71" customWidth="1"/>
    <col min="11012" max="11012" width="104.33203125" style="71" customWidth="1"/>
    <col min="11013" max="11013" width="9" style="71"/>
    <col min="11014" max="11014" width="11.83203125" style="71" customWidth="1"/>
    <col min="11015" max="11264" width="9" style="71"/>
    <col min="11265" max="11265" width="5.25" style="71" customWidth="1"/>
    <col min="11266" max="11266" width="16" style="71" customWidth="1"/>
    <col min="11267" max="11267" width="17.25" style="71" customWidth="1"/>
    <col min="11268" max="11268" width="104.33203125" style="71" customWidth="1"/>
    <col min="11269" max="11269" width="9" style="71"/>
    <col min="11270" max="11270" width="11.83203125" style="71" customWidth="1"/>
    <col min="11271" max="11520" width="9" style="71"/>
    <col min="11521" max="11521" width="5.25" style="71" customWidth="1"/>
    <col min="11522" max="11522" width="16" style="71" customWidth="1"/>
    <col min="11523" max="11523" width="17.25" style="71" customWidth="1"/>
    <col min="11524" max="11524" width="104.33203125" style="71" customWidth="1"/>
    <col min="11525" max="11525" width="9" style="71"/>
    <col min="11526" max="11526" width="11.83203125" style="71" customWidth="1"/>
    <col min="11527" max="11776" width="9" style="71"/>
    <col min="11777" max="11777" width="5.25" style="71" customWidth="1"/>
    <col min="11778" max="11778" width="16" style="71" customWidth="1"/>
    <col min="11779" max="11779" width="17.25" style="71" customWidth="1"/>
    <col min="11780" max="11780" width="104.33203125" style="71" customWidth="1"/>
    <col min="11781" max="11781" width="9" style="71"/>
    <col min="11782" max="11782" width="11.83203125" style="71" customWidth="1"/>
    <col min="11783" max="12032" width="9" style="71"/>
    <col min="12033" max="12033" width="5.25" style="71" customWidth="1"/>
    <col min="12034" max="12034" width="16" style="71" customWidth="1"/>
    <col min="12035" max="12035" width="17.25" style="71" customWidth="1"/>
    <col min="12036" max="12036" width="104.33203125" style="71" customWidth="1"/>
    <col min="12037" max="12037" width="9" style="71"/>
    <col min="12038" max="12038" width="11.83203125" style="71" customWidth="1"/>
    <col min="12039" max="12288" width="9" style="71"/>
    <col min="12289" max="12289" width="5.25" style="71" customWidth="1"/>
    <col min="12290" max="12290" width="16" style="71" customWidth="1"/>
    <col min="12291" max="12291" width="17.25" style="71" customWidth="1"/>
    <col min="12292" max="12292" width="104.33203125" style="71" customWidth="1"/>
    <col min="12293" max="12293" width="9" style="71"/>
    <col min="12294" max="12294" width="11.83203125" style="71" customWidth="1"/>
    <col min="12295" max="12544" width="9" style="71"/>
    <col min="12545" max="12545" width="5.25" style="71" customWidth="1"/>
    <col min="12546" max="12546" width="16" style="71" customWidth="1"/>
    <col min="12547" max="12547" width="17.25" style="71" customWidth="1"/>
    <col min="12548" max="12548" width="104.33203125" style="71" customWidth="1"/>
    <col min="12549" max="12549" width="9" style="71"/>
    <col min="12550" max="12550" width="11.83203125" style="71" customWidth="1"/>
    <col min="12551" max="12800" width="9" style="71"/>
    <col min="12801" max="12801" width="5.25" style="71" customWidth="1"/>
    <col min="12802" max="12802" width="16" style="71" customWidth="1"/>
    <col min="12803" max="12803" width="17.25" style="71" customWidth="1"/>
    <col min="12804" max="12804" width="104.33203125" style="71" customWidth="1"/>
    <col min="12805" max="12805" width="9" style="71"/>
    <col min="12806" max="12806" width="11.83203125" style="71" customWidth="1"/>
    <col min="12807" max="13056" width="9" style="71"/>
    <col min="13057" max="13057" width="5.25" style="71" customWidth="1"/>
    <col min="13058" max="13058" width="16" style="71" customWidth="1"/>
    <col min="13059" max="13059" width="17.25" style="71" customWidth="1"/>
    <col min="13060" max="13060" width="104.33203125" style="71" customWidth="1"/>
    <col min="13061" max="13061" width="9" style="71"/>
    <col min="13062" max="13062" width="11.83203125" style="71" customWidth="1"/>
    <col min="13063" max="13312" width="9" style="71"/>
    <col min="13313" max="13313" width="5.25" style="71" customWidth="1"/>
    <col min="13314" max="13314" width="16" style="71" customWidth="1"/>
    <col min="13315" max="13315" width="17.25" style="71" customWidth="1"/>
    <col min="13316" max="13316" width="104.33203125" style="71" customWidth="1"/>
    <col min="13317" max="13317" width="9" style="71"/>
    <col min="13318" max="13318" width="11.83203125" style="71" customWidth="1"/>
    <col min="13319" max="13568" width="9" style="71"/>
    <col min="13569" max="13569" width="5.25" style="71" customWidth="1"/>
    <col min="13570" max="13570" width="16" style="71" customWidth="1"/>
    <col min="13571" max="13571" width="17.25" style="71" customWidth="1"/>
    <col min="13572" max="13572" width="104.33203125" style="71" customWidth="1"/>
    <col min="13573" max="13573" width="9" style="71"/>
    <col min="13574" max="13574" width="11.83203125" style="71" customWidth="1"/>
    <col min="13575" max="13824" width="9" style="71"/>
    <col min="13825" max="13825" width="5.25" style="71" customWidth="1"/>
    <col min="13826" max="13826" width="16" style="71" customWidth="1"/>
    <col min="13827" max="13827" width="17.25" style="71" customWidth="1"/>
    <col min="13828" max="13828" width="104.33203125" style="71" customWidth="1"/>
    <col min="13829" max="13829" width="9" style="71"/>
    <col min="13830" max="13830" width="11.83203125" style="71" customWidth="1"/>
    <col min="13831" max="14080" width="9" style="71"/>
    <col min="14081" max="14081" width="5.25" style="71" customWidth="1"/>
    <col min="14082" max="14082" width="16" style="71" customWidth="1"/>
    <col min="14083" max="14083" width="17.25" style="71" customWidth="1"/>
    <col min="14084" max="14084" width="104.33203125" style="71" customWidth="1"/>
    <col min="14085" max="14085" width="9" style="71"/>
    <col min="14086" max="14086" width="11.83203125" style="71" customWidth="1"/>
    <col min="14087" max="14336" width="9" style="71"/>
    <col min="14337" max="14337" width="5.25" style="71" customWidth="1"/>
    <col min="14338" max="14338" width="16" style="71" customWidth="1"/>
    <col min="14339" max="14339" width="17.25" style="71" customWidth="1"/>
    <col min="14340" max="14340" width="104.33203125" style="71" customWidth="1"/>
    <col min="14341" max="14341" width="9" style="71"/>
    <col min="14342" max="14342" width="11.83203125" style="71" customWidth="1"/>
    <col min="14343" max="14592" width="9" style="71"/>
    <col min="14593" max="14593" width="5.25" style="71" customWidth="1"/>
    <col min="14594" max="14594" width="16" style="71" customWidth="1"/>
    <col min="14595" max="14595" width="17.25" style="71" customWidth="1"/>
    <col min="14596" max="14596" width="104.33203125" style="71" customWidth="1"/>
    <col min="14597" max="14597" width="9" style="71"/>
    <col min="14598" max="14598" width="11.83203125" style="71" customWidth="1"/>
    <col min="14599" max="14848" width="9" style="71"/>
    <col min="14849" max="14849" width="5.25" style="71" customWidth="1"/>
    <col min="14850" max="14850" width="16" style="71" customWidth="1"/>
    <col min="14851" max="14851" width="17.25" style="71" customWidth="1"/>
    <col min="14852" max="14852" width="104.33203125" style="71" customWidth="1"/>
    <col min="14853" max="14853" width="9" style="71"/>
    <col min="14854" max="14854" width="11.83203125" style="71" customWidth="1"/>
    <col min="14855" max="15104" width="9" style="71"/>
    <col min="15105" max="15105" width="5.25" style="71" customWidth="1"/>
    <col min="15106" max="15106" width="16" style="71" customWidth="1"/>
    <col min="15107" max="15107" width="17.25" style="71" customWidth="1"/>
    <col min="15108" max="15108" width="104.33203125" style="71" customWidth="1"/>
    <col min="15109" max="15109" width="9" style="71"/>
    <col min="15110" max="15110" width="11.83203125" style="71" customWidth="1"/>
    <col min="15111" max="15360" width="9" style="71"/>
    <col min="15361" max="15361" width="5.25" style="71" customWidth="1"/>
    <col min="15362" max="15362" width="16" style="71" customWidth="1"/>
    <col min="15363" max="15363" width="17.25" style="71" customWidth="1"/>
    <col min="15364" max="15364" width="104.33203125" style="71" customWidth="1"/>
    <col min="15365" max="15365" width="9" style="71"/>
    <col min="15366" max="15366" width="11.83203125" style="71" customWidth="1"/>
    <col min="15367" max="15616" width="9" style="71"/>
    <col min="15617" max="15617" width="5.25" style="71" customWidth="1"/>
    <col min="15618" max="15618" width="16" style="71" customWidth="1"/>
    <col min="15619" max="15619" width="17.25" style="71" customWidth="1"/>
    <col min="15620" max="15620" width="104.33203125" style="71" customWidth="1"/>
    <col min="15621" max="15621" width="9" style="71"/>
    <col min="15622" max="15622" width="11.83203125" style="71" customWidth="1"/>
    <col min="15623" max="15872" width="9" style="71"/>
    <col min="15873" max="15873" width="5.25" style="71" customWidth="1"/>
    <col min="15874" max="15874" width="16" style="71" customWidth="1"/>
    <col min="15875" max="15875" width="17.25" style="71" customWidth="1"/>
    <col min="15876" max="15876" width="104.33203125" style="71" customWidth="1"/>
    <col min="15877" max="15877" width="9" style="71"/>
    <col min="15878" max="15878" width="11.83203125" style="71" customWidth="1"/>
    <col min="15879" max="16128" width="9" style="71"/>
    <col min="16129" max="16129" width="5.25" style="71" customWidth="1"/>
    <col min="16130" max="16130" width="16" style="71" customWidth="1"/>
    <col min="16131" max="16131" width="17.25" style="71" customWidth="1"/>
    <col min="16132" max="16132" width="104.33203125" style="71" customWidth="1"/>
    <col min="16133" max="16133" width="9" style="71"/>
    <col min="16134" max="16134" width="11.83203125" style="71" customWidth="1"/>
    <col min="16135" max="16384" width="9" style="71"/>
  </cols>
  <sheetData>
    <row r="1" spans="1:16" ht="30.75" customHeight="1" x14ac:dyDescent="0.35">
      <c r="B1" s="72" t="s">
        <v>44</v>
      </c>
    </row>
    <row r="2" spans="1:16" ht="18" x14ac:dyDescent="0.55000000000000004">
      <c r="A2" s="73" t="s">
        <v>31</v>
      </c>
      <c r="B2" s="74" t="s">
        <v>32</v>
      </c>
      <c r="C2" s="74" t="s">
        <v>33</v>
      </c>
      <c r="D2" s="74" t="s">
        <v>34</v>
      </c>
      <c r="E2" s="74" t="s">
        <v>35</v>
      </c>
      <c r="F2" s="74" t="s">
        <v>43</v>
      </c>
      <c r="G2" s="74" t="s">
        <v>36</v>
      </c>
      <c r="H2" s="74" t="s">
        <v>37</v>
      </c>
      <c r="I2" s="74" t="s">
        <v>38</v>
      </c>
      <c r="J2" s="74" t="s">
        <v>39</v>
      </c>
      <c r="K2" s="74" t="s">
        <v>40</v>
      </c>
      <c r="L2" s="74" t="s">
        <v>41</v>
      </c>
      <c r="M2" s="74" t="s">
        <v>42</v>
      </c>
      <c r="N2" s="302" t="s">
        <v>68</v>
      </c>
      <c r="O2" s="303"/>
      <c r="P2" s="73" t="s">
        <v>53</v>
      </c>
    </row>
    <row r="3" spans="1:16" x14ac:dyDescent="0.35">
      <c r="A3" s="73">
        <v>1</v>
      </c>
      <c r="B3" s="75"/>
      <c r="C3" s="75"/>
      <c r="D3" s="73"/>
      <c r="E3" s="73"/>
      <c r="F3" s="73"/>
      <c r="G3" s="73"/>
      <c r="H3" s="73"/>
      <c r="I3" s="73"/>
      <c r="J3" s="73" t="s">
        <v>30</v>
      </c>
      <c r="K3" s="73" t="s">
        <v>30</v>
      </c>
      <c r="L3" s="73" t="s">
        <v>30</v>
      </c>
      <c r="M3" s="73" t="s">
        <v>30</v>
      </c>
      <c r="N3" s="73"/>
      <c r="O3" s="73" t="s">
        <v>70</v>
      </c>
      <c r="P3" s="73"/>
    </row>
    <row r="4" spans="1:16" x14ac:dyDescent="0.35">
      <c r="A4" s="73">
        <v>2</v>
      </c>
      <c r="B4" s="75"/>
      <c r="C4" s="75"/>
      <c r="D4" s="73"/>
      <c r="E4" s="73"/>
      <c r="F4" s="73"/>
      <c r="G4" s="73"/>
      <c r="H4" s="73"/>
      <c r="I4" s="73"/>
      <c r="J4" s="73" t="s">
        <v>30</v>
      </c>
      <c r="K4" s="73" t="s">
        <v>30</v>
      </c>
      <c r="L4" s="73" t="s">
        <v>30</v>
      </c>
      <c r="M4" s="73" t="s">
        <v>30</v>
      </c>
      <c r="N4" s="73"/>
      <c r="O4" s="73" t="s">
        <v>69</v>
      </c>
      <c r="P4" s="73"/>
    </row>
    <row r="5" spans="1:16" x14ac:dyDescent="0.35">
      <c r="A5" s="73">
        <v>3</v>
      </c>
      <c r="B5" s="75"/>
      <c r="C5" s="75"/>
      <c r="D5" s="73"/>
      <c r="E5" s="73"/>
      <c r="F5" s="73"/>
      <c r="G5" s="73"/>
      <c r="H5" s="73"/>
      <c r="I5" s="73"/>
      <c r="J5" s="73" t="s">
        <v>30</v>
      </c>
      <c r="K5" s="73" t="s">
        <v>30</v>
      </c>
      <c r="L5" s="73" t="s">
        <v>30</v>
      </c>
      <c r="M5" s="73" t="s">
        <v>30</v>
      </c>
      <c r="N5" s="73"/>
      <c r="O5" s="73" t="s">
        <v>71</v>
      </c>
      <c r="P5" s="73"/>
    </row>
    <row r="6" spans="1:16" x14ac:dyDescent="0.35">
      <c r="A6" s="73">
        <v>4</v>
      </c>
      <c r="B6" s="75"/>
      <c r="C6" s="75"/>
      <c r="D6" s="73"/>
      <c r="E6" s="73"/>
      <c r="F6" s="73"/>
      <c r="G6" s="73"/>
      <c r="H6" s="73"/>
      <c r="I6" s="73"/>
      <c r="J6" s="73" t="s">
        <v>30</v>
      </c>
      <c r="K6" s="73" t="s">
        <v>30</v>
      </c>
      <c r="L6" s="73" t="s">
        <v>30</v>
      </c>
      <c r="M6" s="73" t="s">
        <v>30</v>
      </c>
      <c r="N6" s="73"/>
      <c r="O6" s="73" t="s">
        <v>72</v>
      </c>
      <c r="P6" s="73"/>
    </row>
    <row r="7" spans="1:16" x14ac:dyDescent="0.35">
      <c r="A7" s="73">
        <v>5</v>
      </c>
      <c r="B7" s="75"/>
      <c r="C7" s="75"/>
      <c r="D7" s="73"/>
      <c r="E7" s="73"/>
      <c r="F7" s="73"/>
      <c r="G7" s="73"/>
      <c r="H7" s="73"/>
      <c r="I7" s="73"/>
      <c r="J7" s="73" t="s">
        <v>30</v>
      </c>
      <c r="K7" s="73" t="s">
        <v>30</v>
      </c>
      <c r="L7" s="73" t="s">
        <v>30</v>
      </c>
      <c r="M7" s="73" t="s">
        <v>30</v>
      </c>
      <c r="N7" s="73"/>
      <c r="O7" s="73" t="s">
        <v>72</v>
      </c>
      <c r="P7" s="73"/>
    </row>
    <row r="8" spans="1:16" x14ac:dyDescent="0.35">
      <c r="A8" s="73">
        <v>6</v>
      </c>
      <c r="B8" s="75"/>
      <c r="C8" s="75"/>
      <c r="D8" s="73"/>
      <c r="E8" s="73"/>
      <c r="F8" s="73"/>
      <c r="G8" s="73"/>
      <c r="H8" s="73" t="s">
        <v>30</v>
      </c>
      <c r="I8" s="73" t="s">
        <v>30</v>
      </c>
      <c r="J8" s="73" t="s">
        <v>30</v>
      </c>
      <c r="K8" s="73" t="s">
        <v>30</v>
      </c>
      <c r="L8" s="73" t="s">
        <v>30</v>
      </c>
      <c r="M8" s="73" t="s">
        <v>30</v>
      </c>
      <c r="N8" s="73"/>
      <c r="O8" s="73" t="s">
        <v>69</v>
      </c>
      <c r="P8" s="73"/>
    </row>
    <row r="9" spans="1:16" x14ac:dyDescent="0.35">
      <c r="A9" s="73">
        <v>7</v>
      </c>
      <c r="B9" s="75"/>
      <c r="C9" s="75"/>
      <c r="D9" s="73"/>
      <c r="E9" s="73"/>
      <c r="F9" s="73"/>
      <c r="G9" s="73"/>
      <c r="H9" s="73" t="s">
        <v>30</v>
      </c>
      <c r="I9" s="73" t="s">
        <v>30</v>
      </c>
      <c r="J9" s="73" t="s">
        <v>30</v>
      </c>
      <c r="K9" s="73" t="s">
        <v>30</v>
      </c>
      <c r="L9" s="73" t="s">
        <v>30</v>
      </c>
      <c r="M9" s="73" t="s">
        <v>30</v>
      </c>
      <c r="N9" s="73"/>
      <c r="O9" s="73" t="s">
        <v>71</v>
      </c>
      <c r="P9" s="73"/>
    </row>
    <row r="10" spans="1:16" x14ac:dyDescent="0.35">
      <c r="A10" s="73">
        <v>8</v>
      </c>
      <c r="B10" s="75"/>
      <c r="C10" s="76"/>
      <c r="D10" s="73"/>
      <c r="E10" s="73"/>
      <c r="F10" s="73"/>
      <c r="G10" s="73"/>
      <c r="H10" s="73" t="s">
        <v>30</v>
      </c>
      <c r="I10" s="73" t="s">
        <v>30</v>
      </c>
      <c r="J10" s="73" t="s">
        <v>30</v>
      </c>
      <c r="K10" s="73" t="s">
        <v>30</v>
      </c>
      <c r="L10" s="73" t="s">
        <v>30</v>
      </c>
      <c r="M10" s="73" t="s">
        <v>30</v>
      </c>
      <c r="N10" s="73"/>
      <c r="O10" s="73" t="s">
        <v>71</v>
      </c>
      <c r="P10" s="73"/>
    </row>
    <row r="11" spans="1:16" x14ac:dyDescent="0.35">
      <c r="A11" s="73">
        <v>9</v>
      </c>
      <c r="B11" s="75"/>
      <c r="C11" s="75"/>
      <c r="D11" s="73"/>
      <c r="E11" s="73"/>
      <c r="F11" s="73"/>
      <c r="G11" s="73"/>
      <c r="H11" s="73" t="s">
        <v>30</v>
      </c>
      <c r="I11" s="73" t="s">
        <v>30</v>
      </c>
      <c r="J11" s="73" t="s">
        <v>30</v>
      </c>
      <c r="K11" s="73" t="s">
        <v>30</v>
      </c>
      <c r="L11" s="73" t="s">
        <v>30</v>
      </c>
      <c r="M11" s="73" t="s">
        <v>30</v>
      </c>
      <c r="N11" s="73"/>
      <c r="O11" s="73" t="s">
        <v>71</v>
      </c>
      <c r="P11" s="73"/>
    </row>
    <row r="12" spans="1:16" x14ac:dyDescent="0.35">
      <c r="A12" s="73">
        <v>10</v>
      </c>
      <c r="B12" s="75"/>
      <c r="C12" s="75"/>
      <c r="D12" s="73"/>
      <c r="E12" s="73"/>
      <c r="F12" s="73"/>
      <c r="G12" s="73"/>
      <c r="H12" s="73" t="s">
        <v>30</v>
      </c>
      <c r="I12" s="73" t="s">
        <v>30</v>
      </c>
      <c r="J12" s="73" t="s">
        <v>30</v>
      </c>
      <c r="K12" s="73" t="s">
        <v>30</v>
      </c>
      <c r="L12" s="73" t="s">
        <v>30</v>
      </c>
      <c r="M12" s="73" t="s">
        <v>30</v>
      </c>
      <c r="N12" s="73"/>
      <c r="O12" s="73" t="s">
        <v>72</v>
      </c>
      <c r="P12" s="73"/>
    </row>
    <row r="13" spans="1:16" x14ac:dyDescent="0.35">
      <c r="A13" s="73">
        <v>11</v>
      </c>
      <c r="B13" s="75"/>
      <c r="C13" s="75"/>
      <c r="D13" s="73"/>
      <c r="E13" s="73"/>
      <c r="F13" s="73"/>
      <c r="G13" s="73"/>
      <c r="H13" s="73" t="s">
        <v>30</v>
      </c>
      <c r="I13" s="73" t="s">
        <v>30</v>
      </c>
      <c r="J13" s="73" t="s">
        <v>30</v>
      </c>
      <c r="K13" s="73" t="s">
        <v>30</v>
      </c>
      <c r="L13" s="73" t="s">
        <v>30</v>
      </c>
      <c r="M13" s="73" t="s">
        <v>30</v>
      </c>
      <c r="N13" s="73"/>
      <c r="O13" s="73" t="s">
        <v>71</v>
      </c>
      <c r="P13" s="73"/>
    </row>
    <row r="14" spans="1:16" x14ac:dyDescent="0.35">
      <c r="A14" s="73">
        <v>12</v>
      </c>
      <c r="B14" s="75"/>
      <c r="C14" s="75"/>
      <c r="D14" s="73"/>
      <c r="E14" s="73"/>
      <c r="F14" s="73"/>
      <c r="G14" s="73"/>
      <c r="H14" s="73" t="s">
        <v>30</v>
      </c>
      <c r="I14" s="73" t="s">
        <v>30</v>
      </c>
      <c r="J14" s="73" t="s">
        <v>30</v>
      </c>
      <c r="K14" s="73" t="s">
        <v>30</v>
      </c>
      <c r="L14" s="73" t="s">
        <v>30</v>
      </c>
      <c r="M14" s="73" t="s">
        <v>30</v>
      </c>
      <c r="N14" s="73"/>
      <c r="O14" s="73" t="s">
        <v>72</v>
      </c>
      <c r="P14" s="73"/>
    </row>
    <row r="15" spans="1:16" x14ac:dyDescent="0.35">
      <c r="A15" s="73">
        <v>13</v>
      </c>
      <c r="B15" s="75"/>
      <c r="C15" s="75"/>
      <c r="D15" s="73"/>
      <c r="E15" s="73"/>
      <c r="F15" s="73"/>
      <c r="G15" s="73"/>
      <c r="H15" s="73" t="s">
        <v>30</v>
      </c>
      <c r="I15" s="73" t="s">
        <v>30</v>
      </c>
      <c r="J15" s="73" t="s">
        <v>30</v>
      </c>
      <c r="K15" s="73" t="s">
        <v>30</v>
      </c>
      <c r="L15" s="73" t="s">
        <v>30</v>
      </c>
      <c r="M15" s="73" t="s">
        <v>30</v>
      </c>
      <c r="N15" s="73"/>
      <c r="O15" s="73" t="s">
        <v>71</v>
      </c>
      <c r="P15" s="73"/>
    </row>
    <row r="16" spans="1:16" x14ac:dyDescent="0.35">
      <c r="A16" s="73">
        <v>14</v>
      </c>
      <c r="B16" s="75"/>
      <c r="C16" s="75"/>
      <c r="D16" s="73"/>
      <c r="E16" s="73"/>
      <c r="F16" s="73"/>
      <c r="G16" s="73"/>
      <c r="H16" s="73" t="s">
        <v>30</v>
      </c>
      <c r="I16" s="73" t="s">
        <v>30</v>
      </c>
      <c r="J16" s="73" t="s">
        <v>30</v>
      </c>
      <c r="K16" s="73" t="s">
        <v>30</v>
      </c>
      <c r="L16" s="73" t="s">
        <v>30</v>
      </c>
      <c r="M16" s="73" t="s">
        <v>30</v>
      </c>
      <c r="N16" s="73"/>
      <c r="O16" s="73" t="s">
        <v>70</v>
      </c>
      <c r="P16" s="73"/>
    </row>
    <row r="17" spans="1:16" x14ac:dyDescent="0.35">
      <c r="A17" s="73">
        <v>15</v>
      </c>
      <c r="B17" s="75"/>
      <c r="C17" s="75"/>
      <c r="D17" s="73"/>
      <c r="E17" s="73"/>
      <c r="F17" s="73"/>
      <c r="G17" s="73"/>
      <c r="H17" s="73" t="s">
        <v>30</v>
      </c>
      <c r="I17" s="73" t="s">
        <v>30</v>
      </c>
      <c r="J17" s="73" t="s">
        <v>30</v>
      </c>
      <c r="K17" s="73" t="s">
        <v>30</v>
      </c>
      <c r="L17" s="73" t="s">
        <v>30</v>
      </c>
      <c r="M17" s="73" t="s">
        <v>30</v>
      </c>
      <c r="N17" s="73"/>
      <c r="O17" s="73" t="s">
        <v>69</v>
      </c>
      <c r="P17" s="73"/>
    </row>
    <row r="18" spans="1:16" x14ac:dyDescent="0.35">
      <c r="A18" s="73">
        <v>16</v>
      </c>
      <c r="B18" s="75"/>
      <c r="C18" s="75"/>
      <c r="D18" s="73"/>
      <c r="E18" s="73"/>
      <c r="F18" s="73"/>
      <c r="G18" s="73"/>
      <c r="H18" s="73" t="s">
        <v>30</v>
      </c>
      <c r="I18" s="73" t="s">
        <v>30</v>
      </c>
      <c r="J18" s="73" t="s">
        <v>30</v>
      </c>
      <c r="K18" s="73" t="s">
        <v>30</v>
      </c>
      <c r="L18" s="73" t="s">
        <v>30</v>
      </c>
      <c r="M18" s="73" t="s">
        <v>30</v>
      </c>
      <c r="N18" s="73"/>
      <c r="O18" s="73" t="s">
        <v>71</v>
      </c>
      <c r="P18" s="73"/>
    </row>
    <row r="19" spans="1:16" x14ac:dyDescent="0.35">
      <c r="A19" s="73">
        <v>17</v>
      </c>
      <c r="B19" s="75"/>
      <c r="C19" s="75"/>
      <c r="D19" s="73"/>
      <c r="E19" s="73"/>
      <c r="F19" s="73"/>
      <c r="G19" s="73"/>
      <c r="H19" s="73" t="s">
        <v>30</v>
      </c>
      <c r="I19" s="73" t="s">
        <v>30</v>
      </c>
      <c r="J19" s="73" t="s">
        <v>30</v>
      </c>
      <c r="K19" s="73" t="s">
        <v>30</v>
      </c>
      <c r="L19" s="73" t="s">
        <v>30</v>
      </c>
      <c r="M19" s="73" t="s">
        <v>30</v>
      </c>
      <c r="N19" s="73"/>
      <c r="O19" s="73" t="s">
        <v>71</v>
      </c>
      <c r="P19" s="73"/>
    </row>
    <row r="20" spans="1:16" x14ac:dyDescent="0.35">
      <c r="A20" s="73">
        <v>18</v>
      </c>
      <c r="B20" s="75"/>
      <c r="C20" s="75"/>
      <c r="D20" s="73"/>
      <c r="E20" s="73"/>
      <c r="F20" s="73"/>
      <c r="G20" s="73"/>
      <c r="H20" s="73" t="s">
        <v>30</v>
      </c>
      <c r="I20" s="73" t="s">
        <v>30</v>
      </c>
      <c r="J20" s="73" t="s">
        <v>30</v>
      </c>
      <c r="K20" s="73" t="s">
        <v>30</v>
      </c>
      <c r="L20" s="73" t="s">
        <v>30</v>
      </c>
      <c r="M20" s="73" t="s">
        <v>30</v>
      </c>
      <c r="N20" s="73"/>
      <c r="O20" s="73" t="s">
        <v>72</v>
      </c>
      <c r="P20" s="73"/>
    </row>
    <row r="21" spans="1:16" x14ac:dyDescent="0.35">
      <c r="A21" s="73">
        <v>19</v>
      </c>
      <c r="B21" s="75"/>
      <c r="C21" s="75"/>
      <c r="D21" s="73"/>
      <c r="E21" s="73"/>
      <c r="F21" s="73"/>
      <c r="G21" s="73"/>
      <c r="H21" s="73" t="s">
        <v>30</v>
      </c>
      <c r="I21" s="73" t="s">
        <v>30</v>
      </c>
      <c r="J21" s="73" t="s">
        <v>30</v>
      </c>
      <c r="K21" s="73" t="s">
        <v>30</v>
      </c>
      <c r="L21" s="73" t="s">
        <v>30</v>
      </c>
      <c r="M21" s="73" t="s">
        <v>30</v>
      </c>
      <c r="N21" s="73"/>
      <c r="O21" s="73" t="s">
        <v>71</v>
      </c>
      <c r="P21" s="73"/>
    </row>
    <row r="22" spans="1:16" x14ac:dyDescent="0.35">
      <c r="A22" s="73">
        <v>20</v>
      </c>
      <c r="B22" s="75"/>
      <c r="C22" s="75"/>
      <c r="D22" s="73"/>
      <c r="E22" s="73"/>
      <c r="F22" s="73"/>
      <c r="G22" s="73"/>
      <c r="H22" s="73" t="s">
        <v>30</v>
      </c>
      <c r="I22" s="73" t="s">
        <v>30</v>
      </c>
      <c r="J22" s="73" t="s">
        <v>30</v>
      </c>
      <c r="K22" s="73" t="s">
        <v>30</v>
      </c>
      <c r="L22" s="73" t="s">
        <v>30</v>
      </c>
      <c r="M22" s="73" t="s">
        <v>30</v>
      </c>
      <c r="N22" s="73"/>
      <c r="O22" s="73" t="s">
        <v>69</v>
      </c>
      <c r="P22" s="73"/>
    </row>
    <row r="23" spans="1:16" x14ac:dyDescent="0.35">
      <c r="A23" s="73">
        <v>21</v>
      </c>
      <c r="B23" s="75"/>
      <c r="C23" s="75"/>
      <c r="D23" s="73"/>
      <c r="E23" s="73"/>
      <c r="F23" s="73"/>
      <c r="G23" s="73"/>
      <c r="H23" s="73" t="s">
        <v>30</v>
      </c>
      <c r="I23" s="73" t="s">
        <v>30</v>
      </c>
      <c r="J23" s="73" t="s">
        <v>30</v>
      </c>
      <c r="K23" s="73" t="s">
        <v>30</v>
      </c>
      <c r="L23" s="73" t="s">
        <v>30</v>
      </c>
      <c r="M23" s="73" t="s">
        <v>30</v>
      </c>
      <c r="N23" s="73"/>
      <c r="O23" s="73" t="s">
        <v>71</v>
      </c>
      <c r="P23" s="73"/>
    </row>
    <row r="24" spans="1:16" x14ac:dyDescent="0.35">
      <c r="A24" s="73">
        <v>22</v>
      </c>
      <c r="B24" s="75"/>
      <c r="C24" s="75"/>
      <c r="D24" s="73"/>
      <c r="E24" s="73"/>
      <c r="F24" s="73"/>
      <c r="G24" s="73"/>
      <c r="H24" s="73" t="s">
        <v>30</v>
      </c>
      <c r="I24" s="73" t="s">
        <v>30</v>
      </c>
      <c r="J24" s="73" t="s">
        <v>30</v>
      </c>
      <c r="K24" s="73" t="s">
        <v>30</v>
      </c>
      <c r="L24" s="73" t="s">
        <v>30</v>
      </c>
      <c r="M24" s="73" t="s">
        <v>30</v>
      </c>
      <c r="N24" s="73"/>
      <c r="O24" s="73" t="s">
        <v>72</v>
      </c>
      <c r="P24" s="73"/>
    </row>
    <row r="25" spans="1:16" x14ac:dyDescent="0.35">
      <c r="A25" s="73">
        <v>23</v>
      </c>
      <c r="B25" s="75"/>
      <c r="C25" s="75"/>
      <c r="D25" s="73"/>
      <c r="E25" s="73"/>
      <c r="F25" s="73"/>
      <c r="G25" s="73"/>
      <c r="H25" s="73" t="s">
        <v>30</v>
      </c>
      <c r="I25" s="73" t="s">
        <v>30</v>
      </c>
      <c r="J25" s="73" t="s">
        <v>30</v>
      </c>
      <c r="K25" s="73" t="s">
        <v>30</v>
      </c>
      <c r="L25" s="73" t="s">
        <v>30</v>
      </c>
      <c r="M25" s="73" t="s">
        <v>30</v>
      </c>
      <c r="N25" s="73"/>
      <c r="O25" s="73" t="s">
        <v>69</v>
      </c>
      <c r="P25" s="73"/>
    </row>
    <row r="26" spans="1:16" x14ac:dyDescent="0.35">
      <c r="A26" s="73">
        <v>24</v>
      </c>
      <c r="B26" s="75"/>
      <c r="C26" s="75"/>
      <c r="D26" s="73"/>
      <c r="E26" s="73"/>
      <c r="F26" s="73"/>
      <c r="G26" s="73"/>
      <c r="H26" s="73" t="s">
        <v>30</v>
      </c>
      <c r="I26" s="73" t="s">
        <v>30</v>
      </c>
      <c r="J26" s="73" t="s">
        <v>30</v>
      </c>
      <c r="K26" s="73" t="s">
        <v>30</v>
      </c>
      <c r="L26" s="73" t="s">
        <v>30</v>
      </c>
      <c r="M26" s="73" t="s">
        <v>30</v>
      </c>
      <c r="N26" s="73"/>
      <c r="O26" s="73" t="s">
        <v>69</v>
      </c>
      <c r="P26" s="73"/>
    </row>
    <row r="27" spans="1:16" x14ac:dyDescent="0.35">
      <c r="A27" s="73">
        <v>25</v>
      </c>
      <c r="B27" s="75"/>
      <c r="C27" s="75"/>
      <c r="D27" s="73"/>
      <c r="E27" s="73"/>
      <c r="F27" s="73"/>
      <c r="G27" s="73"/>
      <c r="H27" s="73" t="s">
        <v>30</v>
      </c>
      <c r="I27" s="73" t="s">
        <v>30</v>
      </c>
      <c r="J27" s="73" t="s">
        <v>30</v>
      </c>
      <c r="K27" s="73" t="s">
        <v>30</v>
      </c>
      <c r="L27" s="73" t="s">
        <v>30</v>
      </c>
      <c r="M27" s="73" t="s">
        <v>30</v>
      </c>
      <c r="N27" s="73"/>
      <c r="O27" s="73" t="s">
        <v>71</v>
      </c>
      <c r="P27" s="73"/>
    </row>
    <row r="28" spans="1:16" x14ac:dyDescent="0.35">
      <c r="A28" s="73">
        <v>26</v>
      </c>
      <c r="B28" s="75"/>
      <c r="C28" s="75"/>
      <c r="D28" s="73"/>
      <c r="E28" s="73"/>
      <c r="F28" s="73"/>
      <c r="G28" s="73"/>
      <c r="H28" s="73" t="s">
        <v>30</v>
      </c>
      <c r="I28" s="73" t="s">
        <v>30</v>
      </c>
      <c r="J28" s="73" t="s">
        <v>30</v>
      </c>
      <c r="K28" s="73" t="s">
        <v>30</v>
      </c>
      <c r="L28" s="73" t="s">
        <v>30</v>
      </c>
      <c r="M28" s="73" t="s">
        <v>30</v>
      </c>
      <c r="N28" s="73"/>
      <c r="O28" s="73" t="s">
        <v>69</v>
      </c>
      <c r="P28" s="73"/>
    </row>
    <row r="29" spans="1:16" x14ac:dyDescent="0.35">
      <c r="A29" s="73">
        <v>27</v>
      </c>
      <c r="B29" s="75"/>
      <c r="C29" s="75"/>
      <c r="D29" s="73"/>
      <c r="E29" s="73"/>
      <c r="F29" s="73"/>
      <c r="G29" s="73"/>
      <c r="H29" s="73" t="s">
        <v>30</v>
      </c>
      <c r="I29" s="73" t="s">
        <v>30</v>
      </c>
      <c r="J29" s="73" t="s">
        <v>30</v>
      </c>
      <c r="K29" s="73" t="s">
        <v>30</v>
      </c>
      <c r="L29" s="73" t="s">
        <v>30</v>
      </c>
      <c r="M29" s="73" t="s">
        <v>30</v>
      </c>
      <c r="N29" s="73"/>
      <c r="O29" s="73" t="s">
        <v>72</v>
      </c>
      <c r="P29" s="73"/>
    </row>
    <row r="30" spans="1:16" x14ac:dyDescent="0.35">
      <c r="A30" s="73">
        <v>28</v>
      </c>
      <c r="B30" s="75"/>
      <c r="C30" s="75"/>
      <c r="D30" s="73"/>
      <c r="E30" s="73"/>
      <c r="F30" s="73"/>
      <c r="G30" s="73"/>
      <c r="H30" s="73" t="s">
        <v>30</v>
      </c>
      <c r="I30" s="73" t="s">
        <v>30</v>
      </c>
      <c r="J30" s="73" t="s">
        <v>30</v>
      </c>
      <c r="K30" s="73" t="s">
        <v>30</v>
      </c>
      <c r="L30" s="73" t="s">
        <v>30</v>
      </c>
      <c r="M30" s="73" t="s">
        <v>30</v>
      </c>
      <c r="N30" s="73"/>
      <c r="O30" s="73" t="s">
        <v>70</v>
      </c>
      <c r="P30" s="73"/>
    </row>
    <row r="31" spans="1:16" x14ac:dyDescent="0.35">
      <c r="A31" s="73">
        <v>29</v>
      </c>
      <c r="B31" s="75"/>
      <c r="C31" s="75"/>
      <c r="D31" s="73"/>
      <c r="E31" s="73"/>
      <c r="F31" s="73"/>
      <c r="G31" s="73"/>
      <c r="H31" s="73" t="s">
        <v>30</v>
      </c>
      <c r="I31" s="73" t="s">
        <v>30</v>
      </c>
      <c r="J31" s="73" t="s">
        <v>30</v>
      </c>
      <c r="K31" s="73" t="s">
        <v>30</v>
      </c>
      <c r="L31" s="73" t="s">
        <v>30</v>
      </c>
      <c r="M31" s="73" t="s">
        <v>30</v>
      </c>
      <c r="N31" s="73"/>
      <c r="O31" s="73" t="s">
        <v>71</v>
      </c>
      <c r="P31" s="73"/>
    </row>
    <row r="32" spans="1:16" x14ac:dyDescent="0.35">
      <c r="A32" s="73">
        <v>30</v>
      </c>
      <c r="B32" s="75"/>
      <c r="C32" s="75"/>
      <c r="D32" s="73"/>
      <c r="E32" s="73"/>
      <c r="F32" s="73"/>
      <c r="G32" s="73"/>
      <c r="H32" s="73" t="s">
        <v>30</v>
      </c>
      <c r="I32" s="73" t="s">
        <v>30</v>
      </c>
      <c r="J32" s="73" t="s">
        <v>30</v>
      </c>
      <c r="K32" s="73" t="s">
        <v>30</v>
      </c>
      <c r="L32" s="73" t="s">
        <v>30</v>
      </c>
      <c r="M32" s="73" t="s">
        <v>30</v>
      </c>
      <c r="N32" s="73"/>
      <c r="O32" s="73" t="s">
        <v>69</v>
      </c>
      <c r="P32" s="73"/>
    </row>
    <row r="33" spans="1:16" x14ac:dyDescent="0.35">
      <c r="A33" s="73">
        <v>31</v>
      </c>
      <c r="B33" s="75"/>
      <c r="C33" s="75"/>
      <c r="D33" s="73"/>
      <c r="E33" s="73"/>
      <c r="F33" s="73"/>
      <c r="G33" s="73"/>
      <c r="H33" s="73" t="s">
        <v>30</v>
      </c>
      <c r="I33" s="73" t="s">
        <v>30</v>
      </c>
      <c r="J33" s="73" t="s">
        <v>30</v>
      </c>
      <c r="K33" s="73" t="s">
        <v>30</v>
      </c>
      <c r="L33" s="73" t="s">
        <v>30</v>
      </c>
      <c r="M33" s="73" t="s">
        <v>30</v>
      </c>
      <c r="N33" s="73"/>
      <c r="O33" s="73" t="s">
        <v>72</v>
      </c>
      <c r="P33" s="73"/>
    </row>
    <row r="34" spans="1:16" x14ac:dyDescent="0.35">
      <c r="A34" s="73">
        <v>32</v>
      </c>
      <c r="B34" s="75"/>
      <c r="C34" s="75"/>
      <c r="D34" s="73"/>
      <c r="E34" s="73"/>
      <c r="F34" s="73"/>
      <c r="G34" s="73"/>
      <c r="H34" s="73" t="s">
        <v>30</v>
      </c>
      <c r="I34" s="73" t="s">
        <v>30</v>
      </c>
      <c r="J34" s="73" t="s">
        <v>30</v>
      </c>
      <c r="K34" s="73" t="s">
        <v>30</v>
      </c>
      <c r="L34" s="73" t="s">
        <v>30</v>
      </c>
      <c r="M34" s="73" t="s">
        <v>30</v>
      </c>
      <c r="N34" s="73"/>
      <c r="O34" s="73" t="s">
        <v>69</v>
      </c>
      <c r="P34" s="73"/>
    </row>
    <row r="35" spans="1:16" x14ac:dyDescent="0.35">
      <c r="A35" s="73">
        <v>33</v>
      </c>
      <c r="B35" s="75"/>
      <c r="C35" s="75"/>
      <c r="D35" s="73"/>
      <c r="E35" s="73"/>
      <c r="F35" s="73"/>
      <c r="G35" s="73"/>
      <c r="H35" s="73" t="s">
        <v>30</v>
      </c>
      <c r="I35" s="73" t="s">
        <v>30</v>
      </c>
      <c r="J35" s="73" t="s">
        <v>30</v>
      </c>
      <c r="K35" s="73" t="s">
        <v>30</v>
      </c>
      <c r="L35" s="73" t="s">
        <v>30</v>
      </c>
      <c r="M35" s="73" t="s">
        <v>30</v>
      </c>
      <c r="N35" s="73"/>
      <c r="O35" s="73" t="s">
        <v>69</v>
      </c>
      <c r="P35" s="73"/>
    </row>
    <row r="36" spans="1:16" x14ac:dyDescent="0.35">
      <c r="A36" s="73">
        <v>34</v>
      </c>
      <c r="B36" s="75"/>
      <c r="C36" s="75"/>
      <c r="D36" s="73"/>
      <c r="E36" s="73"/>
      <c r="F36" s="73"/>
      <c r="G36" s="73"/>
      <c r="H36" s="73" t="s">
        <v>30</v>
      </c>
      <c r="I36" s="73" t="s">
        <v>30</v>
      </c>
      <c r="J36" s="73" t="s">
        <v>30</v>
      </c>
      <c r="K36" s="73" t="s">
        <v>30</v>
      </c>
      <c r="L36" s="73" t="s">
        <v>30</v>
      </c>
      <c r="M36" s="73" t="s">
        <v>30</v>
      </c>
      <c r="N36" s="73"/>
      <c r="O36" s="73" t="s">
        <v>69</v>
      </c>
      <c r="P36" s="73"/>
    </row>
    <row r="37" spans="1:16" x14ac:dyDescent="0.35">
      <c r="A37" s="73">
        <v>35</v>
      </c>
      <c r="B37" s="73"/>
      <c r="C37" s="73"/>
      <c r="D37" s="73"/>
      <c r="E37" s="73"/>
      <c r="F37" s="73" t="s">
        <v>30</v>
      </c>
      <c r="G37" s="73" t="s">
        <v>30</v>
      </c>
      <c r="H37" s="73" t="s">
        <v>30</v>
      </c>
      <c r="I37" s="73" t="s">
        <v>30</v>
      </c>
      <c r="J37" s="73" t="s">
        <v>30</v>
      </c>
      <c r="K37" s="73" t="s">
        <v>30</v>
      </c>
      <c r="L37" s="73" t="s">
        <v>30</v>
      </c>
      <c r="M37" s="73" t="s">
        <v>30</v>
      </c>
      <c r="N37" s="73"/>
      <c r="O37" s="73" t="s">
        <v>71</v>
      </c>
      <c r="P37" s="73"/>
    </row>
    <row r="38" spans="1:16" x14ac:dyDescent="0.35">
      <c r="A38" s="73">
        <v>36</v>
      </c>
      <c r="B38" s="73"/>
      <c r="C38" s="73"/>
      <c r="D38" s="73"/>
      <c r="E38" s="73"/>
      <c r="F38" s="73" t="s">
        <v>30</v>
      </c>
      <c r="G38" s="73" t="s">
        <v>30</v>
      </c>
      <c r="H38" s="73" t="s">
        <v>30</v>
      </c>
      <c r="I38" s="73" t="s">
        <v>30</v>
      </c>
      <c r="J38" s="73" t="s">
        <v>30</v>
      </c>
      <c r="K38" s="73" t="s">
        <v>30</v>
      </c>
      <c r="L38" s="73" t="s">
        <v>30</v>
      </c>
      <c r="M38" s="73" t="s">
        <v>30</v>
      </c>
      <c r="N38" s="73"/>
      <c r="O38" s="73" t="s">
        <v>69</v>
      </c>
      <c r="P38" s="73"/>
    </row>
    <row r="39" spans="1:16" x14ac:dyDescent="0.35">
      <c r="A39" s="73">
        <v>37</v>
      </c>
      <c r="B39" s="73"/>
      <c r="C39" s="73"/>
      <c r="D39" s="73"/>
      <c r="E39" s="73"/>
      <c r="F39" s="73" t="s">
        <v>30</v>
      </c>
      <c r="G39" s="73" t="s">
        <v>30</v>
      </c>
      <c r="H39" s="73" t="s">
        <v>30</v>
      </c>
      <c r="I39" s="73" t="s">
        <v>30</v>
      </c>
      <c r="J39" s="73" t="s">
        <v>30</v>
      </c>
      <c r="K39" s="73" t="s">
        <v>30</v>
      </c>
      <c r="L39" s="73" t="s">
        <v>30</v>
      </c>
      <c r="M39" s="73" t="s">
        <v>30</v>
      </c>
      <c r="N39" s="73"/>
      <c r="O39" s="73" t="s">
        <v>69</v>
      </c>
      <c r="P39" s="73"/>
    </row>
    <row r="40" spans="1:16" x14ac:dyDescent="0.35">
      <c r="A40" s="73">
        <v>38</v>
      </c>
      <c r="B40" s="73"/>
      <c r="C40" s="73"/>
      <c r="D40" s="73"/>
      <c r="E40" s="73"/>
      <c r="F40" s="73" t="s">
        <v>30</v>
      </c>
      <c r="G40" s="73" t="s">
        <v>30</v>
      </c>
      <c r="H40" s="73" t="s">
        <v>30</v>
      </c>
      <c r="I40" s="73" t="s">
        <v>30</v>
      </c>
      <c r="J40" s="73" t="s">
        <v>30</v>
      </c>
      <c r="K40" s="73" t="s">
        <v>30</v>
      </c>
      <c r="L40" s="73" t="s">
        <v>30</v>
      </c>
      <c r="M40" s="73" t="s">
        <v>30</v>
      </c>
      <c r="N40" s="73"/>
      <c r="O40" s="73" t="s">
        <v>69</v>
      </c>
      <c r="P40" s="73"/>
    </row>
    <row r="41" spans="1:16" x14ac:dyDescent="0.35">
      <c r="A41" s="73">
        <v>39</v>
      </c>
      <c r="B41" s="73"/>
      <c r="C41" s="73"/>
      <c r="D41" s="73"/>
      <c r="E41" s="73"/>
      <c r="F41" s="73" t="s">
        <v>30</v>
      </c>
      <c r="G41" s="73" t="s">
        <v>30</v>
      </c>
      <c r="H41" s="73" t="s">
        <v>30</v>
      </c>
      <c r="I41" s="73" t="s">
        <v>30</v>
      </c>
      <c r="J41" s="73" t="s">
        <v>30</v>
      </c>
      <c r="K41" s="73" t="s">
        <v>30</v>
      </c>
      <c r="L41" s="73" t="s">
        <v>30</v>
      </c>
      <c r="M41" s="73" t="s">
        <v>30</v>
      </c>
      <c r="N41" s="73"/>
      <c r="O41" s="73" t="s">
        <v>69</v>
      </c>
      <c r="P41" s="73"/>
    </row>
    <row r="42" spans="1:16" x14ac:dyDescent="0.35">
      <c r="A42" s="73">
        <v>40</v>
      </c>
      <c r="B42" s="73"/>
      <c r="C42" s="73"/>
      <c r="D42" s="73"/>
      <c r="E42" s="73"/>
      <c r="F42" s="73" t="s">
        <v>30</v>
      </c>
      <c r="G42" s="73" t="s">
        <v>30</v>
      </c>
      <c r="H42" s="73" t="s">
        <v>30</v>
      </c>
      <c r="I42" s="73" t="s">
        <v>30</v>
      </c>
      <c r="J42" s="73" t="s">
        <v>30</v>
      </c>
      <c r="K42" s="73" t="s">
        <v>30</v>
      </c>
      <c r="L42" s="73" t="s">
        <v>30</v>
      </c>
      <c r="M42" s="73" t="s">
        <v>30</v>
      </c>
      <c r="N42" s="73"/>
      <c r="O42" s="73" t="s">
        <v>72</v>
      </c>
      <c r="P42" s="73"/>
    </row>
    <row r="43" spans="1:16" x14ac:dyDescent="0.35">
      <c r="A43" s="73">
        <v>41</v>
      </c>
      <c r="B43" s="73"/>
      <c r="C43" s="73"/>
      <c r="D43" s="73"/>
      <c r="E43" s="73"/>
      <c r="F43" s="73" t="s">
        <v>30</v>
      </c>
      <c r="G43" s="73" t="s">
        <v>30</v>
      </c>
      <c r="H43" s="73" t="s">
        <v>30</v>
      </c>
      <c r="I43" s="73" t="s">
        <v>30</v>
      </c>
      <c r="J43" s="73" t="s">
        <v>30</v>
      </c>
      <c r="K43" s="73" t="s">
        <v>30</v>
      </c>
      <c r="L43" s="73" t="s">
        <v>30</v>
      </c>
      <c r="M43" s="73" t="s">
        <v>30</v>
      </c>
      <c r="N43" s="73"/>
      <c r="O43" s="73" t="s">
        <v>69</v>
      </c>
      <c r="P43" s="73"/>
    </row>
    <row r="44" spans="1:16" x14ac:dyDescent="0.35">
      <c r="A44" s="73">
        <v>42</v>
      </c>
      <c r="B44" s="73"/>
      <c r="C44" s="73"/>
      <c r="D44" s="73"/>
      <c r="E44" s="73"/>
      <c r="F44" s="73" t="s">
        <v>30</v>
      </c>
      <c r="G44" s="73" t="s">
        <v>30</v>
      </c>
      <c r="H44" s="73" t="s">
        <v>30</v>
      </c>
      <c r="I44" s="73" t="s">
        <v>30</v>
      </c>
      <c r="J44" s="73" t="s">
        <v>30</v>
      </c>
      <c r="K44" s="73" t="s">
        <v>30</v>
      </c>
      <c r="L44" s="73" t="s">
        <v>30</v>
      </c>
      <c r="M44" s="73" t="s">
        <v>30</v>
      </c>
      <c r="N44" s="73"/>
      <c r="O44" s="73" t="s">
        <v>72</v>
      </c>
      <c r="P44" s="73"/>
    </row>
    <row r="45" spans="1:16" x14ac:dyDescent="0.35">
      <c r="A45" s="73">
        <v>43</v>
      </c>
      <c r="B45" s="73"/>
      <c r="C45" s="73"/>
      <c r="D45" s="73"/>
      <c r="E45" s="73"/>
      <c r="F45" s="73" t="s">
        <v>30</v>
      </c>
      <c r="G45" s="73" t="s">
        <v>30</v>
      </c>
      <c r="H45" s="73" t="s">
        <v>30</v>
      </c>
      <c r="I45" s="73" t="s">
        <v>30</v>
      </c>
      <c r="J45" s="73" t="s">
        <v>30</v>
      </c>
      <c r="K45" s="73" t="s">
        <v>30</v>
      </c>
      <c r="L45" s="73" t="s">
        <v>30</v>
      </c>
      <c r="M45" s="73" t="s">
        <v>30</v>
      </c>
      <c r="N45" s="73" t="s">
        <v>30</v>
      </c>
      <c r="O45" s="73" t="s">
        <v>71</v>
      </c>
      <c r="P45" s="73"/>
    </row>
    <row r="46" spans="1:16" x14ac:dyDescent="0.35">
      <c r="A46" s="73">
        <v>44</v>
      </c>
      <c r="B46" s="73"/>
      <c r="C46" s="73"/>
      <c r="D46" s="73"/>
      <c r="E46" s="73"/>
      <c r="F46" s="73" t="s">
        <v>30</v>
      </c>
      <c r="G46" s="73" t="s">
        <v>30</v>
      </c>
      <c r="H46" s="73" t="s">
        <v>30</v>
      </c>
      <c r="I46" s="73" t="s">
        <v>30</v>
      </c>
      <c r="J46" s="73" t="s">
        <v>30</v>
      </c>
      <c r="K46" s="73" t="s">
        <v>30</v>
      </c>
      <c r="L46" s="73" t="s">
        <v>30</v>
      </c>
      <c r="M46" s="73" t="s">
        <v>30</v>
      </c>
      <c r="N46" s="73" t="s">
        <v>30</v>
      </c>
      <c r="O46" s="73" t="s">
        <v>69</v>
      </c>
      <c r="P46" s="73"/>
    </row>
    <row r="47" spans="1:16" x14ac:dyDescent="0.35">
      <c r="A47" s="73">
        <v>45</v>
      </c>
      <c r="B47" s="73"/>
      <c r="C47" s="73"/>
      <c r="D47" s="73"/>
      <c r="E47" s="73"/>
      <c r="F47" s="73" t="s">
        <v>30</v>
      </c>
      <c r="G47" s="73" t="s">
        <v>30</v>
      </c>
      <c r="H47" s="73" t="s">
        <v>30</v>
      </c>
      <c r="I47" s="73" t="s">
        <v>30</v>
      </c>
      <c r="J47" s="73" t="s">
        <v>30</v>
      </c>
      <c r="K47" s="73" t="s">
        <v>30</v>
      </c>
      <c r="L47" s="73" t="s">
        <v>30</v>
      </c>
      <c r="M47" s="73" t="s">
        <v>30</v>
      </c>
      <c r="N47" s="73" t="s">
        <v>30</v>
      </c>
      <c r="O47" s="73" t="s">
        <v>69</v>
      </c>
      <c r="P47" s="73"/>
    </row>
    <row r="48" spans="1:16" x14ac:dyDescent="0.35">
      <c r="A48" s="73">
        <v>46</v>
      </c>
      <c r="B48" s="73"/>
      <c r="C48" s="73"/>
      <c r="D48" s="73"/>
      <c r="E48" s="73"/>
      <c r="F48" s="73" t="s">
        <v>30</v>
      </c>
      <c r="G48" s="73" t="s">
        <v>30</v>
      </c>
      <c r="H48" s="73" t="s">
        <v>30</v>
      </c>
      <c r="I48" s="73" t="s">
        <v>30</v>
      </c>
      <c r="J48" s="73" t="s">
        <v>30</v>
      </c>
      <c r="K48" s="73" t="s">
        <v>30</v>
      </c>
      <c r="L48" s="73" t="s">
        <v>30</v>
      </c>
      <c r="M48" s="73" t="s">
        <v>30</v>
      </c>
      <c r="N48" s="73" t="s">
        <v>30</v>
      </c>
      <c r="O48" s="73" t="s">
        <v>72</v>
      </c>
      <c r="P48" s="73"/>
    </row>
    <row r="49" spans="1:16" x14ac:dyDescent="0.35">
      <c r="A49" s="73">
        <v>47</v>
      </c>
      <c r="B49" s="73"/>
      <c r="C49" s="73"/>
      <c r="D49" s="73"/>
      <c r="E49" s="73"/>
      <c r="F49" s="73" t="s">
        <v>30</v>
      </c>
      <c r="G49" s="73" t="s">
        <v>30</v>
      </c>
      <c r="H49" s="73" t="s">
        <v>30</v>
      </c>
      <c r="I49" s="73" t="s">
        <v>30</v>
      </c>
      <c r="J49" s="73" t="s">
        <v>30</v>
      </c>
      <c r="K49" s="73" t="s">
        <v>30</v>
      </c>
      <c r="L49" s="73" t="s">
        <v>30</v>
      </c>
      <c r="M49" s="73" t="s">
        <v>30</v>
      </c>
      <c r="N49" s="73" t="s">
        <v>30</v>
      </c>
      <c r="O49" s="73" t="s">
        <v>69</v>
      </c>
      <c r="P49" s="73"/>
    </row>
    <row r="50" spans="1:16" x14ac:dyDescent="0.35">
      <c r="A50" s="73">
        <v>48</v>
      </c>
      <c r="B50" s="73"/>
      <c r="C50" s="73"/>
      <c r="D50" s="73"/>
      <c r="E50" s="73"/>
      <c r="F50" s="73" t="s">
        <v>30</v>
      </c>
      <c r="G50" s="73" t="s">
        <v>30</v>
      </c>
      <c r="H50" s="73" t="s">
        <v>30</v>
      </c>
      <c r="I50" s="73" t="s">
        <v>30</v>
      </c>
      <c r="J50" s="73" t="s">
        <v>30</v>
      </c>
      <c r="K50" s="73" t="s">
        <v>30</v>
      </c>
      <c r="L50" s="73" t="s">
        <v>30</v>
      </c>
      <c r="M50" s="73" t="s">
        <v>30</v>
      </c>
      <c r="N50" s="73" t="s">
        <v>30</v>
      </c>
      <c r="O50" s="73" t="s">
        <v>69</v>
      </c>
      <c r="P50" s="73"/>
    </row>
    <row r="51" spans="1:16" x14ac:dyDescent="0.35">
      <c r="A51" s="73">
        <v>49</v>
      </c>
      <c r="B51" s="73"/>
      <c r="C51" s="73"/>
      <c r="D51" s="73"/>
      <c r="E51" s="73"/>
      <c r="F51" s="73" t="s">
        <v>30</v>
      </c>
      <c r="G51" s="73" t="s">
        <v>30</v>
      </c>
      <c r="H51" s="73" t="s">
        <v>30</v>
      </c>
      <c r="I51" s="73" t="s">
        <v>30</v>
      </c>
      <c r="J51" s="73" t="s">
        <v>30</v>
      </c>
      <c r="K51" s="73" t="s">
        <v>30</v>
      </c>
      <c r="L51" s="73" t="s">
        <v>30</v>
      </c>
      <c r="M51" s="73" t="s">
        <v>30</v>
      </c>
      <c r="N51" s="73" t="s">
        <v>30</v>
      </c>
      <c r="O51" s="73" t="s">
        <v>70</v>
      </c>
      <c r="P51" s="73"/>
    </row>
    <row r="52" spans="1:16" x14ac:dyDescent="0.35">
      <c r="A52" s="73">
        <v>50</v>
      </c>
      <c r="B52" s="73"/>
      <c r="C52" s="73"/>
      <c r="D52" s="73"/>
      <c r="E52" s="73"/>
      <c r="F52" s="73" t="s">
        <v>30</v>
      </c>
      <c r="G52" s="73" t="s">
        <v>30</v>
      </c>
      <c r="H52" s="73" t="s">
        <v>30</v>
      </c>
      <c r="I52" s="73" t="s">
        <v>30</v>
      </c>
      <c r="J52" s="73" t="s">
        <v>30</v>
      </c>
      <c r="K52" s="73" t="s">
        <v>30</v>
      </c>
      <c r="L52" s="73" t="s">
        <v>30</v>
      </c>
      <c r="M52" s="73" t="s">
        <v>30</v>
      </c>
      <c r="N52" s="73" t="s">
        <v>30</v>
      </c>
      <c r="O52" s="73" t="s">
        <v>70</v>
      </c>
      <c r="P52" s="73"/>
    </row>
  </sheetData>
  <mergeCells count="1">
    <mergeCell ref="N2:O2"/>
  </mergeCells>
  <phoneticPr fontId="2"/>
  <dataValidations count="4">
    <dataValidation type="list" allowBlank="1" showInputMessage="1" showErrorMessage="1" sqref="WVN983043:WVN983092 JB3:JB52 SX3:SX52 ACT3:ACT52 AMP3:AMP52 AWL3:AWL52 BGH3:BGH52 BQD3:BQD52 BZZ3:BZZ52 CJV3:CJV52 CTR3:CTR52 DDN3:DDN52 DNJ3:DNJ52 DXF3:DXF52 EHB3:EHB52 EQX3:EQX52 FAT3:FAT52 FKP3:FKP52 FUL3:FUL52 GEH3:GEH52 GOD3:GOD52 GXZ3:GXZ52 HHV3:HHV52 HRR3:HRR52 IBN3:IBN52 ILJ3:ILJ52 IVF3:IVF52 JFB3:JFB52 JOX3:JOX52 JYT3:JYT52 KIP3:KIP52 KSL3:KSL52 LCH3:LCH52 LMD3:LMD52 LVZ3:LVZ52 MFV3:MFV52 MPR3:MPR52 MZN3:MZN52 NJJ3:NJJ52 NTF3:NTF52 ODB3:ODB52 OMX3:OMX52 OWT3:OWT52 PGP3:PGP52 PQL3:PQL52 QAH3:QAH52 QKD3:QKD52 QTZ3:QTZ52 RDV3:RDV52 RNR3:RNR52 RXN3:RXN52 SHJ3:SHJ52 SRF3:SRF52 TBB3:TBB52 TKX3:TKX52 TUT3:TUT52 UEP3:UEP52 UOL3:UOL52 UYH3:UYH52 VID3:VID52 VRZ3:VRZ52 WBV3:WBV52 WLR3:WLR52 WVN3:WVN52 G65539:G65588 JB65539:JB65588 SX65539:SX65588 ACT65539:ACT65588 AMP65539:AMP65588 AWL65539:AWL65588 BGH65539:BGH65588 BQD65539:BQD65588 BZZ65539:BZZ65588 CJV65539:CJV65588 CTR65539:CTR65588 DDN65539:DDN65588 DNJ65539:DNJ65588 DXF65539:DXF65588 EHB65539:EHB65588 EQX65539:EQX65588 FAT65539:FAT65588 FKP65539:FKP65588 FUL65539:FUL65588 GEH65539:GEH65588 GOD65539:GOD65588 GXZ65539:GXZ65588 HHV65539:HHV65588 HRR65539:HRR65588 IBN65539:IBN65588 ILJ65539:ILJ65588 IVF65539:IVF65588 JFB65539:JFB65588 JOX65539:JOX65588 JYT65539:JYT65588 KIP65539:KIP65588 KSL65539:KSL65588 LCH65539:LCH65588 LMD65539:LMD65588 LVZ65539:LVZ65588 MFV65539:MFV65588 MPR65539:MPR65588 MZN65539:MZN65588 NJJ65539:NJJ65588 NTF65539:NTF65588 ODB65539:ODB65588 OMX65539:OMX65588 OWT65539:OWT65588 PGP65539:PGP65588 PQL65539:PQL65588 QAH65539:QAH65588 QKD65539:QKD65588 QTZ65539:QTZ65588 RDV65539:RDV65588 RNR65539:RNR65588 RXN65539:RXN65588 SHJ65539:SHJ65588 SRF65539:SRF65588 TBB65539:TBB65588 TKX65539:TKX65588 TUT65539:TUT65588 UEP65539:UEP65588 UOL65539:UOL65588 UYH65539:UYH65588 VID65539:VID65588 VRZ65539:VRZ65588 WBV65539:WBV65588 WLR65539:WLR65588 WVN65539:WVN65588 G131075:G131124 JB131075:JB131124 SX131075:SX131124 ACT131075:ACT131124 AMP131075:AMP131124 AWL131075:AWL131124 BGH131075:BGH131124 BQD131075:BQD131124 BZZ131075:BZZ131124 CJV131075:CJV131124 CTR131075:CTR131124 DDN131075:DDN131124 DNJ131075:DNJ131124 DXF131075:DXF131124 EHB131075:EHB131124 EQX131075:EQX131124 FAT131075:FAT131124 FKP131075:FKP131124 FUL131075:FUL131124 GEH131075:GEH131124 GOD131075:GOD131124 GXZ131075:GXZ131124 HHV131075:HHV131124 HRR131075:HRR131124 IBN131075:IBN131124 ILJ131075:ILJ131124 IVF131075:IVF131124 JFB131075:JFB131124 JOX131075:JOX131124 JYT131075:JYT131124 KIP131075:KIP131124 KSL131075:KSL131124 LCH131075:LCH131124 LMD131075:LMD131124 LVZ131075:LVZ131124 MFV131075:MFV131124 MPR131075:MPR131124 MZN131075:MZN131124 NJJ131075:NJJ131124 NTF131075:NTF131124 ODB131075:ODB131124 OMX131075:OMX131124 OWT131075:OWT131124 PGP131075:PGP131124 PQL131075:PQL131124 QAH131075:QAH131124 QKD131075:QKD131124 QTZ131075:QTZ131124 RDV131075:RDV131124 RNR131075:RNR131124 RXN131075:RXN131124 SHJ131075:SHJ131124 SRF131075:SRF131124 TBB131075:TBB131124 TKX131075:TKX131124 TUT131075:TUT131124 UEP131075:UEP131124 UOL131075:UOL131124 UYH131075:UYH131124 VID131075:VID131124 VRZ131075:VRZ131124 WBV131075:WBV131124 WLR131075:WLR131124 WVN131075:WVN131124 G196611:G196660 JB196611:JB196660 SX196611:SX196660 ACT196611:ACT196660 AMP196611:AMP196660 AWL196611:AWL196660 BGH196611:BGH196660 BQD196611:BQD196660 BZZ196611:BZZ196660 CJV196611:CJV196660 CTR196611:CTR196660 DDN196611:DDN196660 DNJ196611:DNJ196660 DXF196611:DXF196660 EHB196611:EHB196660 EQX196611:EQX196660 FAT196611:FAT196660 FKP196611:FKP196660 FUL196611:FUL196660 GEH196611:GEH196660 GOD196611:GOD196660 GXZ196611:GXZ196660 HHV196611:HHV196660 HRR196611:HRR196660 IBN196611:IBN196660 ILJ196611:ILJ196660 IVF196611:IVF196660 JFB196611:JFB196660 JOX196611:JOX196660 JYT196611:JYT196660 KIP196611:KIP196660 KSL196611:KSL196660 LCH196611:LCH196660 LMD196611:LMD196660 LVZ196611:LVZ196660 MFV196611:MFV196660 MPR196611:MPR196660 MZN196611:MZN196660 NJJ196611:NJJ196660 NTF196611:NTF196660 ODB196611:ODB196660 OMX196611:OMX196660 OWT196611:OWT196660 PGP196611:PGP196660 PQL196611:PQL196660 QAH196611:QAH196660 QKD196611:QKD196660 QTZ196611:QTZ196660 RDV196611:RDV196660 RNR196611:RNR196660 RXN196611:RXN196660 SHJ196611:SHJ196660 SRF196611:SRF196660 TBB196611:TBB196660 TKX196611:TKX196660 TUT196611:TUT196660 UEP196611:UEP196660 UOL196611:UOL196660 UYH196611:UYH196660 VID196611:VID196660 VRZ196611:VRZ196660 WBV196611:WBV196660 WLR196611:WLR196660 WVN196611:WVN196660 G262147:G262196 JB262147:JB262196 SX262147:SX262196 ACT262147:ACT262196 AMP262147:AMP262196 AWL262147:AWL262196 BGH262147:BGH262196 BQD262147:BQD262196 BZZ262147:BZZ262196 CJV262147:CJV262196 CTR262147:CTR262196 DDN262147:DDN262196 DNJ262147:DNJ262196 DXF262147:DXF262196 EHB262147:EHB262196 EQX262147:EQX262196 FAT262147:FAT262196 FKP262147:FKP262196 FUL262147:FUL262196 GEH262147:GEH262196 GOD262147:GOD262196 GXZ262147:GXZ262196 HHV262147:HHV262196 HRR262147:HRR262196 IBN262147:IBN262196 ILJ262147:ILJ262196 IVF262147:IVF262196 JFB262147:JFB262196 JOX262147:JOX262196 JYT262147:JYT262196 KIP262147:KIP262196 KSL262147:KSL262196 LCH262147:LCH262196 LMD262147:LMD262196 LVZ262147:LVZ262196 MFV262147:MFV262196 MPR262147:MPR262196 MZN262147:MZN262196 NJJ262147:NJJ262196 NTF262147:NTF262196 ODB262147:ODB262196 OMX262147:OMX262196 OWT262147:OWT262196 PGP262147:PGP262196 PQL262147:PQL262196 QAH262147:QAH262196 QKD262147:QKD262196 QTZ262147:QTZ262196 RDV262147:RDV262196 RNR262147:RNR262196 RXN262147:RXN262196 SHJ262147:SHJ262196 SRF262147:SRF262196 TBB262147:TBB262196 TKX262147:TKX262196 TUT262147:TUT262196 UEP262147:UEP262196 UOL262147:UOL262196 UYH262147:UYH262196 VID262147:VID262196 VRZ262147:VRZ262196 WBV262147:WBV262196 WLR262147:WLR262196 WVN262147:WVN262196 G327683:G327732 JB327683:JB327732 SX327683:SX327732 ACT327683:ACT327732 AMP327683:AMP327732 AWL327683:AWL327732 BGH327683:BGH327732 BQD327683:BQD327732 BZZ327683:BZZ327732 CJV327683:CJV327732 CTR327683:CTR327732 DDN327683:DDN327732 DNJ327683:DNJ327732 DXF327683:DXF327732 EHB327683:EHB327732 EQX327683:EQX327732 FAT327683:FAT327732 FKP327683:FKP327732 FUL327683:FUL327732 GEH327683:GEH327732 GOD327683:GOD327732 GXZ327683:GXZ327732 HHV327683:HHV327732 HRR327683:HRR327732 IBN327683:IBN327732 ILJ327683:ILJ327732 IVF327683:IVF327732 JFB327683:JFB327732 JOX327683:JOX327732 JYT327683:JYT327732 KIP327683:KIP327732 KSL327683:KSL327732 LCH327683:LCH327732 LMD327683:LMD327732 LVZ327683:LVZ327732 MFV327683:MFV327732 MPR327683:MPR327732 MZN327683:MZN327732 NJJ327683:NJJ327732 NTF327683:NTF327732 ODB327683:ODB327732 OMX327683:OMX327732 OWT327683:OWT327732 PGP327683:PGP327732 PQL327683:PQL327732 QAH327683:QAH327732 QKD327683:QKD327732 QTZ327683:QTZ327732 RDV327683:RDV327732 RNR327683:RNR327732 RXN327683:RXN327732 SHJ327683:SHJ327732 SRF327683:SRF327732 TBB327683:TBB327732 TKX327683:TKX327732 TUT327683:TUT327732 UEP327683:UEP327732 UOL327683:UOL327732 UYH327683:UYH327732 VID327683:VID327732 VRZ327683:VRZ327732 WBV327683:WBV327732 WLR327683:WLR327732 WVN327683:WVN327732 G393219:G393268 JB393219:JB393268 SX393219:SX393268 ACT393219:ACT393268 AMP393219:AMP393268 AWL393219:AWL393268 BGH393219:BGH393268 BQD393219:BQD393268 BZZ393219:BZZ393268 CJV393219:CJV393268 CTR393219:CTR393268 DDN393219:DDN393268 DNJ393219:DNJ393268 DXF393219:DXF393268 EHB393219:EHB393268 EQX393219:EQX393268 FAT393219:FAT393268 FKP393219:FKP393268 FUL393219:FUL393268 GEH393219:GEH393268 GOD393219:GOD393268 GXZ393219:GXZ393268 HHV393219:HHV393268 HRR393219:HRR393268 IBN393219:IBN393268 ILJ393219:ILJ393268 IVF393219:IVF393268 JFB393219:JFB393268 JOX393219:JOX393268 JYT393219:JYT393268 KIP393219:KIP393268 KSL393219:KSL393268 LCH393219:LCH393268 LMD393219:LMD393268 LVZ393219:LVZ393268 MFV393219:MFV393268 MPR393219:MPR393268 MZN393219:MZN393268 NJJ393219:NJJ393268 NTF393219:NTF393268 ODB393219:ODB393268 OMX393219:OMX393268 OWT393219:OWT393268 PGP393219:PGP393268 PQL393219:PQL393268 QAH393219:QAH393268 QKD393219:QKD393268 QTZ393219:QTZ393268 RDV393219:RDV393268 RNR393219:RNR393268 RXN393219:RXN393268 SHJ393219:SHJ393268 SRF393219:SRF393268 TBB393219:TBB393268 TKX393219:TKX393268 TUT393219:TUT393268 UEP393219:UEP393268 UOL393219:UOL393268 UYH393219:UYH393268 VID393219:VID393268 VRZ393219:VRZ393268 WBV393219:WBV393268 WLR393219:WLR393268 WVN393219:WVN393268 G458755:G458804 JB458755:JB458804 SX458755:SX458804 ACT458755:ACT458804 AMP458755:AMP458804 AWL458755:AWL458804 BGH458755:BGH458804 BQD458755:BQD458804 BZZ458755:BZZ458804 CJV458755:CJV458804 CTR458755:CTR458804 DDN458755:DDN458804 DNJ458755:DNJ458804 DXF458755:DXF458804 EHB458755:EHB458804 EQX458755:EQX458804 FAT458755:FAT458804 FKP458755:FKP458804 FUL458755:FUL458804 GEH458755:GEH458804 GOD458755:GOD458804 GXZ458755:GXZ458804 HHV458755:HHV458804 HRR458755:HRR458804 IBN458755:IBN458804 ILJ458755:ILJ458804 IVF458755:IVF458804 JFB458755:JFB458804 JOX458755:JOX458804 JYT458755:JYT458804 KIP458755:KIP458804 KSL458755:KSL458804 LCH458755:LCH458804 LMD458755:LMD458804 LVZ458755:LVZ458804 MFV458755:MFV458804 MPR458755:MPR458804 MZN458755:MZN458804 NJJ458755:NJJ458804 NTF458755:NTF458804 ODB458755:ODB458804 OMX458755:OMX458804 OWT458755:OWT458804 PGP458755:PGP458804 PQL458755:PQL458804 QAH458755:QAH458804 QKD458755:QKD458804 QTZ458755:QTZ458804 RDV458755:RDV458804 RNR458755:RNR458804 RXN458755:RXN458804 SHJ458755:SHJ458804 SRF458755:SRF458804 TBB458755:TBB458804 TKX458755:TKX458804 TUT458755:TUT458804 UEP458755:UEP458804 UOL458755:UOL458804 UYH458755:UYH458804 VID458755:VID458804 VRZ458755:VRZ458804 WBV458755:WBV458804 WLR458755:WLR458804 WVN458755:WVN458804 G524291:G524340 JB524291:JB524340 SX524291:SX524340 ACT524291:ACT524340 AMP524291:AMP524340 AWL524291:AWL524340 BGH524291:BGH524340 BQD524291:BQD524340 BZZ524291:BZZ524340 CJV524291:CJV524340 CTR524291:CTR524340 DDN524291:DDN524340 DNJ524291:DNJ524340 DXF524291:DXF524340 EHB524291:EHB524340 EQX524291:EQX524340 FAT524291:FAT524340 FKP524291:FKP524340 FUL524291:FUL524340 GEH524291:GEH524340 GOD524291:GOD524340 GXZ524291:GXZ524340 HHV524291:HHV524340 HRR524291:HRR524340 IBN524291:IBN524340 ILJ524291:ILJ524340 IVF524291:IVF524340 JFB524291:JFB524340 JOX524291:JOX524340 JYT524291:JYT524340 KIP524291:KIP524340 KSL524291:KSL524340 LCH524291:LCH524340 LMD524291:LMD524340 LVZ524291:LVZ524340 MFV524291:MFV524340 MPR524291:MPR524340 MZN524291:MZN524340 NJJ524291:NJJ524340 NTF524291:NTF524340 ODB524291:ODB524340 OMX524291:OMX524340 OWT524291:OWT524340 PGP524291:PGP524340 PQL524291:PQL524340 QAH524291:QAH524340 QKD524291:QKD524340 QTZ524291:QTZ524340 RDV524291:RDV524340 RNR524291:RNR524340 RXN524291:RXN524340 SHJ524291:SHJ524340 SRF524291:SRF524340 TBB524291:TBB524340 TKX524291:TKX524340 TUT524291:TUT524340 UEP524291:UEP524340 UOL524291:UOL524340 UYH524291:UYH524340 VID524291:VID524340 VRZ524291:VRZ524340 WBV524291:WBV524340 WLR524291:WLR524340 WVN524291:WVN524340 G589827:G589876 JB589827:JB589876 SX589827:SX589876 ACT589827:ACT589876 AMP589827:AMP589876 AWL589827:AWL589876 BGH589827:BGH589876 BQD589827:BQD589876 BZZ589827:BZZ589876 CJV589827:CJV589876 CTR589827:CTR589876 DDN589827:DDN589876 DNJ589827:DNJ589876 DXF589827:DXF589876 EHB589827:EHB589876 EQX589827:EQX589876 FAT589827:FAT589876 FKP589827:FKP589876 FUL589827:FUL589876 GEH589827:GEH589876 GOD589827:GOD589876 GXZ589827:GXZ589876 HHV589827:HHV589876 HRR589827:HRR589876 IBN589827:IBN589876 ILJ589827:ILJ589876 IVF589827:IVF589876 JFB589827:JFB589876 JOX589827:JOX589876 JYT589827:JYT589876 KIP589827:KIP589876 KSL589827:KSL589876 LCH589827:LCH589876 LMD589827:LMD589876 LVZ589827:LVZ589876 MFV589827:MFV589876 MPR589827:MPR589876 MZN589827:MZN589876 NJJ589827:NJJ589876 NTF589827:NTF589876 ODB589827:ODB589876 OMX589827:OMX589876 OWT589827:OWT589876 PGP589827:PGP589876 PQL589827:PQL589876 QAH589827:QAH589876 QKD589827:QKD589876 QTZ589827:QTZ589876 RDV589827:RDV589876 RNR589827:RNR589876 RXN589827:RXN589876 SHJ589827:SHJ589876 SRF589827:SRF589876 TBB589827:TBB589876 TKX589827:TKX589876 TUT589827:TUT589876 UEP589827:UEP589876 UOL589827:UOL589876 UYH589827:UYH589876 VID589827:VID589876 VRZ589827:VRZ589876 WBV589827:WBV589876 WLR589827:WLR589876 WVN589827:WVN589876 G655363:G655412 JB655363:JB655412 SX655363:SX655412 ACT655363:ACT655412 AMP655363:AMP655412 AWL655363:AWL655412 BGH655363:BGH655412 BQD655363:BQD655412 BZZ655363:BZZ655412 CJV655363:CJV655412 CTR655363:CTR655412 DDN655363:DDN655412 DNJ655363:DNJ655412 DXF655363:DXF655412 EHB655363:EHB655412 EQX655363:EQX655412 FAT655363:FAT655412 FKP655363:FKP655412 FUL655363:FUL655412 GEH655363:GEH655412 GOD655363:GOD655412 GXZ655363:GXZ655412 HHV655363:HHV655412 HRR655363:HRR655412 IBN655363:IBN655412 ILJ655363:ILJ655412 IVF655363:IVF655412 JFB655363:JFB655412 JOX655363:JOX655412 JYT655363:JYT655412 KIP655363:KIP655412 KSL655363:KSL655412 LCH655363:LCH655412 LMD655363:LMD655412 LVZ655363:LVZ655412 MFV655363:MFV655412 MPR655363:MPR655412 MZN655363:MZN655412 NJJ655363:NJJ655412 NTF655363:NTF655412 ODB655363:ODB655412 OMX655363:OMX655412 OWT655363:OWT655412 PGP655363:PGP655412 PQL655363:PQL655412 QAH655363:QAH655412 QKD655363:QKD655412 QTZ655363:QTZ655412 RDV655363:RDV655412 RNR655363:RNR655412 RXN655363:RXN655412 SHJ655363:SHJ655412 SRF655363:SRF655412 TBB655363:TBB655412 TKX655363:TKX655412 TUT655363:TUT655412 UEP655363:UEP655412 UOL655363:UOL655412 UYH655363:UYH655412 VID655363:VID655412 VRZ655363:VRZ655412 WBV655363:WBV655412 WLR655363:WLR655412 WVN655363:WVN655412 G720899:G720948 JB720899:JB720948 SX720899:SX720948 ACT720899:ACT720948 AMP720899:AMP720948 AWL720899:AWL720948 BGH720899:BGH720948 BQD720899:BQD720948 BZZ720899:BZZ720948 CJV720899:CJV720948 CTR720899:CTR720948 DDN720899:DDN720948 DNJ720899:DNJ720948 DXF720899:DXF720948 EHB720899:EHB720948 EQX720899:EQX720948 FAT720899:FAT720948 FKP720899:FKP720948 FUL720899:FUL720948 GEH720899:GEH720948 GOD720899:GOD720948 GXZ720899:GXZ720948 HHV720899:HHV720948 HRR720899:HRR720948 IBN720899:IBN720948 ILJ720899:ILJ720948 IVF720899:IVF720948 JFB720899:JFB720948 JOX720899:JOX720948 JYT720899:JYT720948 KIP720899:KIP720948 KSL720899:KSL720948 LCH720899:LCH720948 LMD720899:LMD720948 LVZ720899:LVZ720948 MFV720899:MFV720948 MPR720899:MPR720948 MZN720899:MZN720948 NJJ720899:NJJ720948 NTF720899:NTF720948 ODB720899:ODB720948 OMX720899:OMX720948 OWT720899:OWT720948 PGP720899:PGP720948 PQL720899:PQL720948 QAH720899:QAH720948 QKD720899:QKD720948 QTZ720899:QTZ720948 RDV720899:RDV720948 RNR720899:RNR720948 RXN720899:RXN720948 SHJ720899:SHJ720948 SRF720899:SRF720948 TBB720899:TBB720948 TKX720899:TKX720948 TUT720899:TUT720948 UEP720899:UEP720948 UOL720899:UOL720948 UYH720899:UYH720948 VID720899:VID720948 VRZ720899:VRZ720948 WBV720899:WBV720948 WLR720899:WLR720948 WVN720899:WVN720948 G786435:G786484 JB786435:JB786484 SX786435:SX786484 ACT786435:ACT786484 AMP786435:AMP786484 AWL786435:AWL786484 BGH786435:BGH786484 BQD786435:BQD786484 BZZ786435:BZZ786484 CJV786435:CJV786484 CTR786435:CTR786484 DDN786435:DDN786484 DNJ786435:DNJ786484 DXF786435:DXF786484 EHB786435:EHB786484 EQX786435:EQX786484 FAT786435:FAT786484 FKP786435:FKP786484 FUL786435:FUL786484 GEH786435:GEH786484 GOD786435:GOD786484 GXZ786435:GXZ786484 HHV786435:HHV786484 HRR786435:HRR786484 IBN786435:IBN786484 ILJ786435:ILJ786484 IVF786435:IVF786484 JFB786435:JFB786484 JOX786435:JOX786484 JYT786435:JYT786484 KIP786435:KIP786484 KSL786435:KSL786484 LCH786435:LCH786484 LMD786435:LMD786484 LVZ786435:LVZ786484 MFV786435:MFV786484 MPR786435:MPR786484 MZN786435:MZN786484 NJJ786435:NJJ786484 NTF786435:NTF786484 ODB786435:ODB786484 OMX786435:OMX786484 OWT786435:OWT786484 PGP786435:PGP786484 PQL786435:PQL786484 QAH786435:QAH786484 QKD786435:QKD786484 QTZ786435:QTZ786484 RDV786435:RDV786484 RNR786435:RNR786484 RXN786435:RXN786484 SHJ786435:SHJ786484 SRF786435:SRF786484 TBB786435:TBB786484 TKX786435:TKX786484 TUT786435:TUT786484 UEP786435:UEP786484 UOL786435:UOL786484 UYH786435:UYH786484 VID786435:VID786484 VRZ786435:VRZ786484 WBV786435:WBV786484 WLR786435:WLR786484 WVN786435:WVN786484 G851971:G852020 JB851971:JB852020 SX851971:SX852020 ACT851971:ACT852020 AMP851971:AMP852020 AWL851971:AWL852020 BGH851971:BGH852020 BQD851971:BQD852020 BZZ851971:BZZ852020 CJV851971:CJV852020 CTR851971:CTR852020 DDN851971:DDN852020 DNJ851971:DNJ852020 DXF851971:DXF852020 EHB851971:EHB852020 EQX851971:EQX852020 FAT851971:FAT852020 FKP851971:FKP852020 FUL851971:FUL852020 GEH851971:GEH852020 GOD851971:GOD852020 GXZ851971:GXZ852020 HHV851971:HHV852020 HRR851971:HRR852020 IBN851971:IBN852020 ILJ851971:ILJ852020 IVF851971:IVF852020 JFB851971:JFB852020 JOX851971:JOX852020 JYT851971:JYT852020 KIP851971:KIP852020 KSL851971:KSL852020 LCH851971:LCH852020 LMD851971:LMD852020 LVZ851971:LVZ852020 MFV851971:MFV852020 MPR851971:MPR852020 MZN851971:MZN852020 NJJ851971:NJJ852020 NTF851971:NTF852020 ODB851971:ODB852020 OMX851971:OMX852020 OWT851971:OWT852020 PGP851971:PGP852020 PQL851971:PQL852020 QAH851971:QAH852020 QKD851971:QKD852020 QTZ851971:QTZ852020 RDV851971:RDV852020 RNR851971:RNR852020 RXN851971:RXN852020 SHJ851971:SHJ852020 SRF851971:SRF852020 TBB851971:TBB852020 TKX851971:TKX852020 TUT851971:TUT852020 UEP851971:UEP852020 UOL851971:UOL852020 UYH851971:UYH852020 VID851971:VID852020 VRZ851971:VRZ852020 WBV851971:WBV852020 WLR851971:WLR852020 WVN851971:WVN852020 G917507:G917556 JB917507:JB917556 SX917507:SX917556 ACT917507:ACT917556 AMP917507:AMP917556 AWL917507:AWL917556 BGH917507:BGH917556 BQD917507:BQD917556 BZZ917507:BZZ917556 CJV917507:CJV917556 CTR917507:CTR917556 DDN917507:DDN917556 DNJ917507:DNJ917556 DXF917507:DXF917556 EHB917507:EHB917556 EQX917507:EQX917556 FAT917507:FAT917556 FKP917507:FKP917556 FUL917507:FUL917556 GEH917507:GEH917556 GOD917507:GOD917556 GXZ917507:GXZ917556 HHV917507:HHV917556 HRR917507:HRR917556 IBN917507:IBN917556 ILJ917507:ILJ917556 IVF917507:IVF917556 JFB917507:JFB917556 JOX917507:JOX917556 JYT917507:JYT917556 KIP917507:KIP917556 KSL917507:KSL917556 LCH917507:LCH917556 LMD917507:LMD917556 LVZ917507:LVZ917556 MFV917507:MFV917556 MPR917507:MPR917556 MZN917507:MZN917556 NJJ917507:NJJ917556 NTF917507:NTF917556 ODB917507:ODB917556 OMX917507:OMX917556 OWT917507:OWT917556 PGP917507:PGP917556 PQL917507:PQL917556 QAH917507:QAH917556 QKD917507:QKD917556 QTZ917507:QTZ917556 RDV917507:RDV917556 RNR917507:RNR917556 RXN917507:RXN917556 SHJ917507:SHJ917556 SRF917507:SRF917556 TBB917507:TBB917556 TKX917507:TKX917556 TUT917507:TUT917556 UEP917507:UEP917556 UOL917507:UOL917556 UYH917507:UYH917556 VID917507:VID917556 VRZ917507:VRZ917556 WBV917507:WBV917556 WLR917507:WLR917556 WVN917507:WVN917556 G983043:G983092 JB983043:JB983092 SX983043:SX983092 ACT983043:ACT983092 AMP983043:AMP983092 AWL983043:AWL983092 BGH983043:BGH983092 BQD983043:BQD983092 BZZ983043:BZZ983092 CJV983043:CJV983092 CTR983043:CTR983092 DDN983043:DDN983092 DNJ983043:DNJ983092 DXF983043:DXF983092 EHB983043:EHB983092 EQX983043:EQX983092 FAT983043:FAT983092 FKP983043:FKP983092 FUL983043:FUL983092 GEH983043:GEH983092 GOD983043:GOD983092 GXZ983043:GXZ983092 HHV983043:HHV983092 HRR983043:HRR983092 IBN983043:IBN983092 ILJ983043:ILJ983092 IVF983043:IVF983092 JFB983043:JFB983092 JOX983043:JOX983092 JYT983043:JYT983092 KIP983043:KIP983092 KSL983043:KSL983092 LCH983043:LCH983092 LMD983043:LMD983092 LVZ983043:LVZ983092 MFV983043:MFV983092 MPR983043:MPR983092 MZN983043:MZN983092 NJJ983043:NJJ983092 NTF983043:NTF983092 ODB983043:ODB983092 OMX983043:OMX983092 OWT983043:OWT983092 PGP983043:PGP983092 PQL983043:PQL983092 QAH983043:QAH983092 QKD983043:QKD983092 QTZ983043:QTZ983092 RDV983043:RDV983092 RNR983043:RNR983092 RXN983043:RXN983092 SHJ983043:SHJ983092 SRF983043:SRF983092 TBB983043:TBB983092 TKX983043:TKX983092 TUT983043:TUT983092 UEP983043:UEP983092 UOL983043:UOL983092 UYH983043:UYH983092 VID983043:VID983092 VRZ983043:VRZ983092 WBV983043:WBV983092 WLR983043:WLR983092 G3:G52" xr:uid="{00000000-0002-0000-0100-000000000000}">
      <formula1>"　,1.了承する,2.了承しない"</formula1>
    </dataValidation>
    <dataValidation type="list" allowBlank="1" showInputMessage="1" showErrorMessage="1" sqref="WVO983043:WVU983092 JC3:JI52 SY3:TE52 ACU3:ADA52 AMQ3:AMW52 AWM3:AWS52 BGI3:BGO52 BQE3:BQK52 CAA3:CAG52 CJW3:CKC52 CTS3:CTY52 DDO3:DDU52 DNK3:DNQ52 DXG3:DXM52 EHC3:EHI52 EQY3:ERE52 FAU3:FBA52 FKQ3:FKW52 FUM3:FUS52 GEI3:GEO52 GOE3:GOK52 GYA3:GYG52 HHW3:HIC52 HRS3:HRY52 IBO3:IBU52 ILK3:ILQ52 IVG3:IVM52 JFC3:JFI52 JOY3:JPE52 JYU3:JZA52 KIQ3:KIW52 KSM3:KSS52 LCI3:LCO52 LME3:LMK52 LWA3:LWG52 MFW3:MGC52 MPS3:MPY52 MZO3:MZU52 NJK3:NJQ52 NTG3:NTM52 ODC3:ODI52 OMY3:ONE52 OWU3:OXA52 PGQ3:PGW52 PQM3:PQS52 QAI3:QAO52 QKE3:QKK52 QUA3:QUG52 RDW3:REC52 RNS3:RNY52 RXO3:RXU52 SHK3:SHQ52 SRG3:SRM52 TBC3:TBI52 TKY3:TLE52 TUU3:TVA52 UEQ3:UEW52 UOM3:UOS52 UYI3:UYO52 VIE3:VIK52 VSA3:VSG52 WBW3:WCC52 WLS3:WLY52 WVO3:WVU52 H65539:N65588 JC65539:JI65588 SY65539:TE65588 ACU65539:ADA65588 AMQ65539:AMW65588 AWM65539:AWS65588 BGI65539:BGO65588 BQE65539:BQK65588 CAA65539:CAG65588 CJW65539:CKC65588 CTS65539:CTY65588 DDO65539:DDU65588 DNK65539:DNQ65588 DXG65539:DXM65588 EHC65539:EHI65588 EQY65539:ERE65588 FAU65539:FBA65588 FKQ65539:FKW65588 FUM65539:FUS65588 GEI65539:GEO65588 GOE65539:GOK65588 GYA65539:GYG65588 HHW65539:HIC65588 HRS65539:HRY65588 IBO65539:IBU65588 ILK65539:ILQ65588 IVG65539:IVM65588 JFC65539:JFI65588 JOY65539:JPE65588 JYU65539:JZA65588 KIQ65539:KIW65588 KSM65539:KSS65588 LCI65539:LCO65588 LME65539:LMK65588 LWA65539:LWG65588 MFW65539:MGC65588 MPS65539:MPY65588 MZO65539:MZU65588 NJK65539:NJQ65588 NTG65539:NTM65588 ODC65539:ODI65588 OMY65539:ONE65588 OWU65539:OXA65588 PGQ65539:PGW65588 PQM65539:PQS65588 QAI65539:QAO65588 QKE65539:QKK65588 QUA65539:QUG65588 RDW65539:REC65588 RNS65539:RNY65588 RXO65539:RXU65588 SHK65539:SHQ65588 SRG65539:SRM65588 TBC65539:TBI65588 TKY65539:TLE65588 TUU65539:TVA65588 UEQ65539:UEW65588 UOM65539:UOS65588 UYI65539:UYO65588 VIE65539:VIK65588 VSA65539:VSG65588 WBW65539:WCC65588 WLS65539:WLY65588 WVO65539:WVU65588 H131075:N131124 JC131075:JI131124 SY131075:TE131124 ACU131075:ADA131124 AMQ131075:AMW131124 AWM131075:AWS131124 BGI131075:BGO131124 BQE131075:BQK131124 CAA131075:CAG131124 CJW131075:CKC131124 CTS131075:CTY131124 DDO131075:DDU131124 DNK131075:DNQ131124 DXG131075:DXM131124 EHC131075:EHI131124 EQY131075:ERE131124 FAU131075:FBA131124 FKQ131075:FKW131124 FUM131075:FUS131124 GEI131075:GEO131124 GOE131075:GOK131124 GYA131075:GYG131124 HHW131075:HIC131124 HRS131075:HRY131124 IBO131075:IBU131124 ILK131075:ILQ131124 IVG131075:IVM131124 JFC131075:JFI131124 JOY131075:JPE131124 JYU131075:JZA131124 KIQ131075:KIW131124 KSM131075:KSS131124 LCI131075:LCO131124 LME131075:LMK131124 LWA131075:LWG131124 MFW131075:MGC131124 MPS131075:MPY131124 MZO131075:MZU131124 NJK131075:NJQ131124 NTG131075:NTM131124 ODC131075:ODI131124 OMY131075:ONE131124 OWU131075:OXA131124 PGQ131075:PGW131124 PQM131075:PQS131124 QAI131075:QAO131124 QKE131075:QKK131124 QUA131075:QUG131124 RDW131075:REC131124 RNS131075:RNY131124 RXO131075:RXU131124 SHK131075:SHQ131124 SRG131075:SRM131124 TBC131075:TBI131124 TKY131075:TLE131124 TUU131075:TVA131124 UEQ131075:UEW131124 UOM131075:UOS131124 UYI131075:UYO131124 VIE131075:VIK131124 VSA131075:VSG131124 WBW131075:WCC131124 WLS131075:WLY131124 WVO131075:WVU131124 H196611:N196660 JC196611:JI196660 SY196611:TE196660 ACU196611:ADA196660 AMQ196611:AMW196660 AWM196611:AWS196660 BGI196611:BGO196660 BQE196611:BQK196660 CAA196611:CAG196660 CJW196611:CKC196660 CTS196611:CTY196660 DDO196611:DDU196660 DNK196611:DNQ196660 DXG196611:DXM196660 EHC196611:EHI196660 EQY196611:ERE196660 FAU196611:FBA196660 FKQ196611:FKW196660 FUM196611:FUS196660 GEI196611:GEO196660 GOE196611:GOK196660 GYA196611:GYG196660 HHW196611:HIC196660 HRS196611:HRY196660 IBO196611:IBU196660 ILK196611:ILQ196660 IVG196611:IVM196660 JFC196611:JFI196660 JOY196611:JPE196660 JYU196611:JZA196660 KIQ196611:KIW196660 KSM196611:KSS196660 LCI196611:LCO196660 LME196611:LMK196660 LWA196611:LWG196660 MFW196611:MGC196660 MPS196611:MPY196660 MZO196611:MZU196660 NJK196611:NJQ196660 NTG196611:NTM196660 ODC196611:ODI196660 OMY196611:ONE196660 OWU196611:OXA196660 PGQ196611:PGW196660 PQM196611:PQS196660 QAI196611:QAO196660 QKE196611:QKK196660 QUA196611:QUG196660 RDW196611:REC196660 RNS196611:RNY196660 RXO196611:RXU196660 SHK196611:SHQ196660 SRG196611:SRM196660 TBC196611:TBI196660 TKY196611:TLE196660 TUU196611:TVA196660 UEQ196611:UEW196660 UOM196611:UOS196660 UYI196611:UYO196660 VIE196611:VIK196660 VSA196611:VSG196660 WBW196611:WCC196660 WLS196611:WLY196660 WVO196611:WVU196660 H262147:N262196 JC262147:JI262196 SY262147:TE262196 ACU262147:ADA262196 AMQ262147:AMW262196 AWM262147:AWS262196 BGI262147:BGO262196 BQE262147:BQK262196 CAA262147:CAG262196 CJW262147:CKC262196 CTS262147:CTY262196 DDO262147:DDU262196 DNK262147:DNQ262196 DXG262147:DXM262196 EHC262147:EHI262196 EQY262147:ERE262196 FAU262147:FBA262196 FKQ262147:FKW262196 FUM262147:FUS262196 GEI262147:GEO262196 GOE262147:GOK262196 GYA262147:GYG262196 HHW262147:HIC262196 HRS262147:HRY262196 IBO262147:IBU262196 ILK262147:ILQ262196 IVG262147:IVM262196 JFC262147:JFI262196 JOY262147:JPE262196 JYU262147:JZA262196 KIQ262147:KIW262196 KSM262147:KSS262196 LCI262147:LCO262196 LME262147:LMK262196 LWA262147:LWG262196 MFW262147:MGC262196 MPS262147:MPY262196 MZO262147:MZU262196 NJK262147:NJQ262196 NTG262147:NTM262196 ODC262147:ODI262196 OMY262147:ONE262196 OWU262147:OXA262196 PGQ262147:PGW262196 PQM262147:PQS262196 QAI262147:QAO262196 QKE262147:QKK262196 QUA262147:QUG262196 RDW262147:REC262196 RNS262147:RNY262196 RXO262147:RXU262196 SHK262147:SHQ262196 SRG262147:SRM262196 TBC262147:TBI262196 TKY262147:TLE262196 TUU262147:TVA262196 UEQ262147:UEW262196 UOM262147:UOS262196 UYI262147:UYO262196 VIE262147:VIK262196 VSA262147:VSG262196 WBW262147:WCC262196 WLS262147:WLY262196 WVO262147:WVU262196 H327683:N327732 JC327683:JI327732 SY327683:TE327732 ACU327683:ADA327732 AMQ327683:AMW327732 AWM327683:AWS327732 BGI327683:BGO327732 BQE327683:BQK327732 CAA327683:CAG327732 CJW327683:CKC327732 CTS327683:CTY327732 DDO327683:DDU327732 DNK327683:DNQ327732 DXG327683:DXM327732 EHC327683:EHI327732 EQY327683:ERE327732 FAU327683:FBA327732 FKQ327683:FKW327732 FUM327683:FUS327732 GEI327683:GEO327732 GOE327683:GOK327732 GYA327683:GYG327732 HHW327683:HIC327732 HRS327683:HRY327732 IBO327683:IBU327732 ILK327683:ILQ327732 IVG327683:IVM327732 JFC327683:JFI327732 JOY327683:JPE327732 JYU327683:JZA327732 KIQ327683:KIW327732 KSM327683:KSS327732 LCI327683:LCO327732 LME327683:LMK327732 LWA327683:LWG327732 MFW327683:MGC327732 MPS327683:MPY327732 MZO327683:MZU327732 NJK327683:NJQ327732 NTG327683:NTM327732 ODC327683:ODI327732 OMY327683:ONE327732 OWU327683:OXA327732 PGQ327683:PGW327732 PQM327683:PQS327732 QAI327683:QAO327732 QKE327683:QKK327732 QUA327683:QUG327732 RDW327683:REC327732 RNS327683:RNY327732 RXO327683:RXU327732 SHK327683:SHQ327732 SRG327683:SRM327732 TBC327683:TBI327732 TKY327683:TLE327732 TUU327683:TVA327732 UEQ327683:UEW327732 UOM327683:UOS327732 UYI327683:UYO327732 VIE327683:VIK327732 VSA327683:VSG327732 WBW327683:WCC327732 WLS327683:WLY327732 WVO327683:WVU327732 H393219:N393268 JC393219:JI393268 SY393219:TE393268 ACU393219:ADA393268 AMQ393219:AMW393268 AWM393219:AWS393268 BGI393219:BGO393268 BQE393219:BQK393268 CAA393219:CAG393268 CJW393219:CKC393268 CTS393219:CTY393268 DDO393219:DDU393268 DNK393219:DNQ393268 DXG393219:DXM393268 EHC393219:EHI393268 EQY393219:ERE393268 FAU393219:FBA393268 FKQ393219:FKW393268 FUM393219:FUS393268 GEI393219:GEO393268 GOE393219:GOK393268 GYA393219:GYG393268 HHW393219:HIC393268 HRS393219:HRY393268 IBO393219:IBU393268 ILK393219:ILQ393268 IVG393219:IVM393268 JFC393219:JFI393268 JOY393219:JPE393268 JYU393219:JZA393268 KIQ393219:KIW393268 KSM393219:KSS393268 LCI393219:LCO393268 LME393219:LMK393268 LWA393219:LWG393268 MFW393219:MGC393268 MPS393219:MPY393268 MZO393219:MZU393268 NJK393219:NJQ393268 NTG393219:NTM393268 ODC393219:ODI393268 OMY393219:ONE393268 OWU393219:OXA393268 PGQ393219:PGW393268 PQM393219:PQS393268 QAI393219:QAO393268 QKE393219:QKK393268 QUA393219:QUG393268 RDW393219:REC393268 RNS393219:RNY393268 RXO393219:RXU393268 SHK393219:SHQ393268 SRG393219:SRM393268 TBC393219:TBI393268 TKY393219:TLE393268 TUU393219:TVA393268 UEQ393219:UEW393268 UOM393219:UOS393268 UYI393219:UYO393268 VIE393219:VIK393268 VSA393219:VSG393268 WBW393219:WCC393268 WLS393219:WLY393268 WVO393219:WVU393268 H458755:N458804 JC458755:JI458804 SY458755:TE458804 ACU458755:ADA458804 AMQ458755:AMW458804 AWM458755:AWS458804 BGI458755:BGO458804 BQE458755:BQK458804 CAA458755:CAG458804 CJW458755:CKC458804 CTS458755:CTY458804 DDO458755:DDU458804 DNK458755:DNQ458804 DXG458755:DXM458804 EHC458755:EHI458804 EQY458755:ERE458804 FAU458755:FBA458804 FKQ458755:FKW458804 FUM458755:FUS458804 GEI458755:GEO458804 GOE458755:GOK458804 GYA458755:GYG458804 HHW458755:HIC458804 HRS458755:HRY458804 IBO458755:IBU458804 ILK458755:ILQ458804 IVG458755:IVM458804 JFC458755:JFI458804 JOY458755:JPE458804 JYU458755:JZA458804 KIQ458755:KIW458804 KSM458755:KSS458804 LCI458755:LCO458804 LME458755:LMK458804 LWA458755:LWG458804 MFW458755:MGC458804 MPS458755:MPY458804 MZO458755:MZU458804 NJK458755:NJQ458804 NTG458755:NTM458804 ODC458755:ODI458804 OMY458755:ONE458804 OWU458755:OXA458804 PGQ458755:PGW458804 PQM458755:PQS458804 QAI458755:QAO458804 QKE458755:QKK458804 QUA458755:QUG458804 RDW458755:REC458804 RNS458755:RNY458804 RXO458755:RXU458804 SHK458755:SHQ458804 SRG458755:SRM458804 TBC458755:TBI458804 TKY458755:TLE458804 TUU458755:TVA458804 UEQ458755:UEW458804 UOM458755:UOS458804 UYI458755:UYO458804 VIE458755:VIK458804 VSA458755:VSG458804 WBW458755:WCC458804 WLS458755:WLY458804 WVO458755:WVU458804 H524291:N524340 JC524291:JI524340 SY524291:TE524340 ACU524291:ADA524340 AMQ524291:AMW524340 AWM524291:AWS524340 BGI524291:BGO524340 BQE524291:BQK524340 CAA524291:CAG524340 CJW524291:CKC524340 CTS524291:CTY524340 DDO524291:DDU524340 DNK524291:DNQ524340 DXG524291:DXM524340 EHC524291:EHI524340 EQY524291:ERE524340 FAU524291:FBA524340 FKQ524291:FKW524340 FUM524291:FUS524340 GEI524291:GEO524340 GOE524291:GOK524340 GYA524291:GYG524340 HHW524291:HIC524340 HRS524291:HRY524340 IBO524291:IBU524340 ILK524291:ILQ524340 IVG524291:IVM524340 JFC524291:JFI524340 JOY524291:JPE524340 JYU524291:JZA524340 KIQ524291:KIW524340 KSM524291:KSS524340 LCI524291:LCO524340 LME524291:LMK524340 LWA524291:LWG524340 MFW524291:MGC524340 MPS524291:MPY524340 MZO524291:MZU524340 NJK524291:NJQ524340 NTG524291:NTM524340 ODC524291:ODI524340 OMY524291:ONE524340 OWU524291:OXA524340 PGQ524291:PGW524340 PQM524291:PQS524340 QAI524291:QAO524340 QKE524291:QKK524340 QUA524291:QUG524340 RDW524291:REC524340 RNS524291:RNY524340 RXO524291:RXU524340 SHK524291:SHQ524340 SRG524291:SRM524340 TBC524291:TBI524340 TKY524291:TLE524340 TUU524291:TVA524340 UEQ524291:UEW524340 UOM524291:UOS524340 UYI524291:UYO524340 VIE524291:VIK524340 VSA524291:VSG524340 WBW524291:WCC524340 WLS524291:WLY524340 WVO524291:WVU524340 H589827:N589876 JC589827:JI589876 SY589827:TE589876 ACU589827:ADA589876 AMQ589827:AMW589876 AWM589827:AWS589876 BGI589827:BGO589876 BQE589827:BQK589876 CAA589827:CAG589876 CJW589827:CKC589876 CTS589827:CTY589876 DDO589827:DDU589876 DNK589827:DNQ589876 DXG589827:DXM589876 EHC589827:EHI589876 EQY589827:ERE589876 FAU589827:FBA589876 FKQ589827:FKW589876 FUM589827:FUS589876 GEI589827:GEO589876 GOE589827:GOK589876 GYA589827:GYG589876 HHW589827:HIC589876 HRS589827:HRY589876 IBO589827:IBU589876 ILK589827:ILQ589876 IVG589827:IVM589876 JFC589827:JFI589876 JOY589827:JPE589876 JYU589827:JZA589876 KIQ589827:KIW589876 KSM589827:KSS589876 LCI589827:LCO589876 LME589827:LMK589876 LWA589827:LWG589876 MFW589827:MGC589876 MPS589827:MPY589876 MZO589827:MZU589876 NJK589827:NJQ589876 NTG589827:NTM589876 ODC589827:ODI589876 OMY589827:ONE589876 OWU589827:OXA589876 PGQ589827:PGW589876 PQM589827:PQS589876 QAI589827:QAO589876 QKE589827:QKK589876 QUA589827:QUG589876 RDW589827:REC589876 RNS589827:RNY589876 RXO589827:RXU589876 SHK589827:SHQ589876 SRG589827:SRM589876 TBC589827:TBI589876 TKY589827:TLE589876 TUU589827:TVA589876 UEQ589827:UEW589876 UOM589827:UOS589876 UYI589827:UYO589876 VIE589827:VIK589876 VSA589827:VSG589876 WBW589827:WCC589876 WLS589827:WLY589876 WVO589827:WVU589876 H655363:N655412 JC655363:JI655412 SY655363:TE655412 ACU655363:ADA655412 AMQ655363:AMW655412 AWM655363:AWS655412 BGI655363:BGO655412 BQE655363:BQK655412 CAA655363:CAG655412 CJW655363:CKC655412 CTS655363:CTY655412 DDO655363:DDU655412 DNK655363:DNQ655412 DXG655363:DXM655412 EHC655363:EHI655412 EQY655363:ERE655412 FAU655363:FBA655412 FKQ655363:FKW655412 FUM655363:FUS655412 GEI655363:GEO655412 GOE655363:GOK655412 GYA655363:GYG655412 HHW655363:HIC655412 HRS655363:HRY655412 IBO655363:IBU655412 ILK655363:ILQ655412 IVG655363:IVM655412 JFC655363:JFI655412 JOY655363:JPE655412 JYU655363:JZA655412 KIQ655363:KIW655412 KSM655363:KSS655412 LCI655363:LCO655412 LME655363:LMK655412 LWA655363:LWG655412 MFW655363:MGC655412 MPS655363:MPY655412 MZO655363:MZU655412 NJK655363:NJQ655412 NTG655363:NTM655412 ODC655363:ODI655412 OMY655363:ONE655412 OWU655363:OXA655412 PGQ655363:PGW655412 PQM655363:PQS655412 QAI655363:QAO655412 QKE655363:QKK655412 QUA655363:QUG655412 RDW655363:REC655412 RNS655363:RNY655412 RXO655363:RXU655412 SHK655363:SHQ655412 SRG655363:SRM655412 TBC655363:TBI655412 TKY655363:TLE655412 TUU655363:TVA655412 UEQ655363:UEW655412 UOM655363:UOS655412 UYI655363:UYO655412 VIE655363:VIK655412 VSA655363:VSG655412 WBW655363:WCC655412 WLS655363:WLY655412 WVO655363:WVU655412 H720899:N720948 JC720899:JI720948 SY720899:TE720948 ACU720899:ADA720948 AMQ720899:AMW720948 AWM720899:AWS720948 BGI720899:BGO720948 BQE720899:BQK720948 CAA720899:CAG720948 CJW720899:CKC720948 CTS720899:CTY720948 DDO720899:DDU720948 DNK720899:DNQ720948 DXG720899:DXM720948 EHC720899:EHI720948 EQY720899:ERE720948 FAU720899:FBA720948 FKQ720899:FKW720948 FUM720899:FUS720948 GEI720899:GEO720948 GOE720899:GOK720948 GYA720899:GYG720948 HHW720899:HIC720948 HRS720899:HRY720948 IBO720899:IBU720948 ILK720899:ILQ720948 IVG720899:IVM720948 JFC720899:JFI720948 JOY720899:JPE720948 JYU720899:JZA720948 KIQ720899:KIW720948 KSM720899:KSS720948 LCI720899:LCO720948 LME720899:LMK720948 LWA720899:LWG720948 MFW720899:MGC720948 MPS720899:MPY720948 MZO720899:MZU720948 NJK720899:NJQ720948 NTG720899:NTM720948 ODC720899:ODI720948 OMY720899:ONE720948 OWU720899:OXA720948 PGQ720899:PGW720948 PQM720899:PQS720948 QAI720899:QAO720948 QKE720899:QKK720948 QUA720899:QUG720948 RDW720899:REC720948 RNS720899:RNY720948 RXO720899:RXU720948 SHK720899:SHQ720948 SRG720899:SRM720948 TBC720899:TBI720948 TKY720899:TLE720948 TUU720899:TVA720948 UEQ720899:UEW720948 UOM720899:UOS720948 UYI720899:UYO720948 VIE720899:VIK720948 VSA720899:VSG720948 WBW720899:WCC720948 WLS720899:WLY720948 WVO720899:WVU720948 H786435:N786484 JC786435:JI786484 SY786435:TE786484 ACU786435:ADA786484 AMQ786435:AMW786484 AWM786435:AWS786484 BGI786435:BGO786484 BQE786435:BQK786484 CAA786435:CAG786484 CJW786435:CKC786484 CTS786435:CTY786484 DDO786435:DDU786484 DNK786435:DNQ786484 DXG786435:DXM786484 EHC786435:EHI786484 EQY786435:ERE786484 FAU786435:FBA786484 FKQ786435:FKW786484 FUM786435:FUS786484 GEI786435:GEO786484 GOE786435:GOK786484 GYA786435:GYG786484 HHW786435:HIC786484 HRS786435:HRY786484 IBO786435:IBU786484 ILK786435:ILQ786484 IVG786435:IVM786484 JFC786435:JFI786484 JOY786435:JPE786484 JYU786435:JZA786484 KIQ786435:KIW786484 KSM786435:KSS786484 LCI786435:LCO786484 LME786435:LMK786484 LWA786435:LWG786484 MFW786435:MGC786484 MPS786435:MPY786484 MZO786435:MZU786484 NJK786435:NJQ786484 NTG786435:NTM786484 ODC786435:ODI786484 OMY786435:ONE786484 OWU786435:OXA786484 PGQ786435:PGW786484 PQM786435:PQS786484 QAI786435:QAO786484 QKE786435:QKK786484 QUA786435:QUG786484 RDW786435:REC786484 RNS786435:RNY786484 RXO786435:RXU786484 SHK786435:SHQ786484 SRG786435:SRM786484 TBC786435:TBI786484 TKY786435:TLE786484 TUU786435:TVA786484 UEQ786435:UEW786484 UOM786435:UOS786484 UYI786435:UYO786484 VIE786435:VIK786484 VSA786435:VSG786484 WBW786435:WCC786484 WLS786435:WLY786484 WVO786435:WVU786484 H851971:N852020 JC851971:JI852020 SY851971:TE852020 ACU851971:ADA852020 AMQ851971:AMW852020 AWM851971:AWS852020 BGI851971:BGO852020 BQE851971:BQK852020 CAA851971:CAG852020 CJW851971:CKC852020 CTS851971:CTY852020 DDO851971:DDU852020 DNK851971:DNQ852020 DXG851971:DXM852020 EHC851971:EHI852020 EQY851971:ERE852020 FAU851971:FBA852020 FKQ851971:FKW852020 FUM851971:FUS852020 GEI851971:GEO852020 GOE851971:GOK852020 GYA851971:GYG852020 HHW851971:HIC852020 HRS851971:HRY852020 IBO851971:IBU852020 ILK851971:ILQ852020 IVG851971:IVM852020 JFC851971:JFI852020 JOY851971:JPE852020 JYU851971:JZA852020 KIQ851971:KIW852020 KSM851971:KSS852020 LCI851971:LCO852020 LME851971:LMK852020 LWA851971:LWG852020 MFW851971:MGC852020 MPS851971:MPY852020 MZO851971:MZU852020 NJK851971:NJQ852020 NTG851971:NTM852020 ODC851971:ODI852020 OMY851971:ONE852020 OWU851971:OXA852020 PGQ851971:PGW852020 PQM851971:PQS852020 QAI851971:QAO852020 QKE851971:QKK852020 QUA851971:QUG852020 RDW851971:REC852020 RNS851971:RNY852020 RXO851971:RXU852020 SHK851971:SHQ852020 SRG851971:SRM852020 TBC851971:TBI852020 TKY851971:TLE852020 TUU851971:TVA852020 UEQ851971:UEW852020 UOM851971:UOS852020 UYI851971:UYO852020 VIE851971:VIK852020 VSA851971:VSG852020 WBW851971:WCC852020 WLS851971:WLY852020 WVO851971:WVU852020 H917507:N917556 JC917507:JI917556 SY917507:TE917556 ACU917507:ADA917556 AMQ917507:AMW917556 AWM917507:AWS917556 BGI917507:BGO917556 BQE917507:BQK917556 CAA917507:CAG917556 CJW917507:CKC917556 CTS917507:CTY917556 DDO917507:DDU917556 DNK917507:DNQ917556 DXG917507:DXM917556 EHC917507:EHI917556 EQY917507:ERE917556 FAU917507:FBA917556 FKQ917507:FKW917556 FUM917507:FUS917556 GEI917507:GEO917556 GOE917507:GOK917556 GYA917507:GYG917556 HHW917507:HIC917556 HRS917507:HRY917556 IBO917507:IBU917556 ILK917507:ILQ917556 IVG917507:IVM917556 JFC917507:JFI917556 JOY917507:JPE917556 JYU917507:JZA917556 KIQ917507:KIW917556 KSM917507:KSS917556 LCI917507:LCO917556 LME917507:LMK917556 LWA917507:LWG917556 MFW917507:MGC917556 MPS917507:MPY917556 MZO917507:MZU917556 NJK917507:NJQ917556 NTG917507:NTM917556 ODC917507:ODI917556 OMY917507:ONE917556 OWU917507:OXA917556 PGQ917507:PGW917556 PQM917507:PQS917556 QAI917507:QAO917556 QKE917507:QKK917556 QUA917507:QUG917556 RDW917507:REC917556 RNS917507:RNY917556 RXO917507:RXU917556 SHK917507:SHQ917556 SRG917507:SRM917556 TBC917507:TBI917556 TKY917507:TLE917556 TUU917507:TVA917556 UEQ917507:UEW917556 UOM917507:UOS917556 UYI917507:UYO917556 VIE917507:VIK917556 VSA917507:VSG917556 WBW917507:WCC917556 WLS917507:WLY917556 WVO917507:WVU917556 H983043:N983092 JC983043:JI983092 SY983043:TE983092 ACU983043:ADA983092 AMQ983043:AMW983092 AWM983043:AWS983092 BGI983043:BGO983092 BQE983043:BQK983092 CAA983043:CAG983092 CJW983043:CKC983092 CTS983043:CTY983092 DDO983043:DDU983092 DNK983043:DNQ983092 DXG983043:DXM983092 EHC983043:EHI983092 EQY983043:ERE983092 FAU983043:FBA983092 FKQ983043:FKW983092 FUM983043:FUS983092 GEI983043:GEO983092 GOE983043:GOK983092 GYA983043:GYG983092 HHW983043:HIC983092 HRS983043:HRY983092 IBO983043:IBU983092 ILK983043:ILQ983092 IVG983043:IVM983092 JFC983043:JFI983092 JOY983043:JPE983092 JYU983043:JZA983092 KIQ983043:KIW983092 KSM983043:KSS983092 LCI983043:LCO983092 LME983043:LMK983092 LWA983043:LWG983092 MFW983043:MGC983092 MPS983043:MPY983092 MZO983043:MZU983092 NJK983043:NJQ983092 NTG983043:NTM983092 ODC983043:ODI983092 OMY983043:ONE983092 OWU983043:OXA983092 PGQ983043:PGW983092 PQM983043:PQS983092 QAI983043:QAO983092 QKE983043:QKK983092 QUA983043:QUG983092 RDW983043:REC983092 RNS983043:RNY983092 RXO983043:RXU983092 SHK983043:SHQ983092 SRG983043:SRM983092 TBC983043:TBI983092 TKY983043:TLE983092 TUU983043:TVA983092 UEQ983043:UEW983092 UOM983043:UOS983092 UYI983043:UYO983092 VIE983043:VIK983092 VSA983043:VSG983092 WBW983043:WCC983092 WLS983043:WLY983092 H3:M52" xr:uid="{00000000-0002-0000-0100-000001000000}">
      <formula1>"　,1.修理依頼シート,2.保証書,3.ACアダプタ,4.ACコード,5.マウス,6.キーボードドック"</formula1>
    </dataValidation>
    <dataValidation type="list" allowBlank="1" showInputMessage="1" showErrorMessage="1" sqref="F3:F52" xr:uid="{00000000-0002-0000-0100-000002000000}">
      <formula1>"　,1.有償,2.保証"</formula1>
    </dataValidation>
    <dataValidation type="list" allowBlank="1" showInputMessage="1" showErrorMessage="1" sqref="N3:N52" xr:uid="{00000000-0002-0000-0100-000003000000}">
      <formula1>"　,7.その他"</formula1>
    </dataValidation>
  </dataValidations>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A58"/>
  <sheetViews>
    <sheetView showGridLines="0" workbookViewId="0"/>
  </sheetViews>
  <sheetFormatPr defaultRowHeight="13.5" outlineLevelRow="1" x14ac:dyDescent="0.55000000000000004"/>
  <cols>
    <col min="1" max="1" width="1.25" style="2" customWidth="1"/>
    <col min="2" max="38" width="2.58203125" style="2" customWidth="1"/>
    <col min="39" max="39" width="4.5" style="2" customWidth="1"/>
    <col min="40" max="40" width="0.33203125" style="2" customWidth="1"/>
    <col min="41" max="41" width="1" style="2" customWidth="1"/>
    <col min="42" max="42" width="2.58203125" style="87" customWidth="1"/>
    <col min="43" max="58" width="2.58203125" style="2" customWidth="1"/>
    <col min="59" max="59" width="3.5" style="2" customWidth="1"/>
    <col min="60" max="65" width="2.58203125" style="2" customWidth="1"/>
    <col min="66" max="76" width="9" style="2" customWidth="1"/>
    <col min="77" max="256" width="9" style="2"/>
    <col min="257" max="257" width="1.25" style="2" customWidth="1"/>
    <col min="258" max="294" width="2.58203125" style="2" customWidth="1"/>
    <col min="295" max="295" width="4.5" style="2" customWidth="1"/>
    <col min="296" max="296" width="0.33203125" style="2" customWidth="1"/>
    <col min="297" max="297" width="1" style="2" customWidth="1"/>
    <col min="298" max="321" width="2.58203125" style="2" customWidth="1"/>
    <col min="322" max="332" width="9" style="2" customWidth="1"/>
    <col min="333" max="512" width="9" style="2"/>
    <col min="513" max="513" width="1.25" style="2" customWidth="1"/>
    <col min="514" max="550" width="2.58203125" style="2" customWidth="1"/>
    <col min="551" max="551" width="4.5" style="2" customWidth="1"/>
    <col min="552" max="552" width="0.33203125" style="2" customWidth="1"/>
    <col min="553" max="553" width="1" style="2" customWidth="1"/>
    <col min="554" max="577" width="2.58203125" style="2" customWidth="1"/>
    <col min="578" max="588" width="9" style="2" customWidth="1"/>
    <col min="589" max="768" width="9" style="2"/>
    <col min="769" max="769" width="1.25" style="2" customWidth="1"/>
    <col min="770" max="806" width="2.58203125" style="2" customWidth="1"/>
    <col min="807" max="807" width="4.5" style="2" customWidth="1"/>
    <col min="808" max="808" width="0.33203125" style="2" customWidth="1"/>
    <col min="809" max="809" width="1" style="2" customWidth="1"/>
    <col min="810" max="833" width="2.58203125" style="2" customWidth="1"/>
    <col min="834" max="844" width="9" style="2" customWidth="1"/>
    <col min="845" max="1024" width="9" style="2"/>
    <col min="1025" max="1025" width="1.25" style="2" customWidth="1"/>
    <col min="1026" max="1062" width="2.58203125" style="2" customWidth="1"/>
    <col min="1063" max="1063" width="4.5" style="2" customWidth="1"/>
    <col min="1064" max="1064" width="0.33203125" style="2" customWidth="1"/>
    <col min="1065" max="1065" width="1" style="2" customWidth="1"/>
    <col min="1066" max="1089" width="2.58203125" style="2" customWidth="1"/>
    <col min="1090" max="1100" width="9" style="2" customWidth="1"/>
    <col min="1101" max="1280" width="9" style="2"/>
    <col min="1281" max="1281" width="1.25" style="2" customWidth="1"/>
    <col min="1282" max="1318" width="2.58203125" style="2" customWidth="1"/>
    <col min="1319" max="1319" width="4.5" style="2" customWidth="1"/>
    <col min="1320" max="1320" width="0.33203125" style="2" customWidth="1"/>
    <col min="1321" max="1321" width="1" style="2" customWidth="1"/>
    <col min="1322" max="1345" width="2.58203125" style="2" customWidth="1"/>
    <col min="1346" max="1356" width="9" style="2" customWidth="1"/>
    <col min="1357" max="1536" width="9" style="2"/>
    <col min="1537" max="1537" width="1.25" style="2" customWidth="1"/>
    <col min="1538" max="1574" width="2.58203125" style="2" customWidth="1"/>
    <col min="1575" max="1575" width="4.5" style="2" customWidth="1"/>
    <col min="1576" max="1576" width="0.33203125" style="2" customWidth="1"/>
    <col min="1577" max="1577" width="1" style="2" customWidth="1"/>
    <col min="1578" max="1601" width="2.58203125" style="2" customWidth="1"/>
    <col min="1602" max="1612" width="9" style="2" customWidth="1"/>
    <col min="1613" max="1792" width="9" style="2"/>
    <col min="1793" max="1793" width="1.25" style="2" customWidth="1"/>
    <col min="1794" max="1830" width="2.58203125" style="2" customWidth="1"/>
    <col min="1831" max="1831" width="4.5" style="2" customWidth="1"/>
    <col min="1832" max="1832" width="0.33203125" style="2" customWidth="1"/>
    <col min="1833" max="1833" width="1" style="2" customWidth="1"/>
    <col min="1834" max="1857" width="2.58203125" style="2" customWidth="1"/>
    <col min="1858" max="1868" width="9" style="2" customWidth="1"/>
    <col min="1869" max="2048" width="9" style="2"/>
    <col min="2049" max="2049" width="1.25" style="2" customWidth="1"/>
    <col min="2050" max="2086" width="2.58203125" style="2" customWidth="1"/>
    <col min="2087" max="2087" width="4.5" style="2" customWidth="1"/>
    <col min="2088" max="2088" width="0.33203125" style="2" customWidth="1"/>
    <col min="2089" max="2089" width="1" style="2" customWidth="1"/>
    <col min="2090" max="2113" width="2.58203125" style="2" customWidth="1"/>
    <col min="2114" max="2124" width="9" style="2" customWidth="1"/>
    <col min="2125" max="2304" width="9" style="2"/>
    <col min="2305" max="2305" width="1.25" style="2" customWidth="1"/>
    <col min="2306" max="2342" width="2.58203125" style="2" customWidth="1"/>
    <col min="2343" max="2343" width="4.5" style="2" customWidth="1"/>
    <col min="2344" max="2344" width="0.33203125" style="2" customWidth="1"/>
    <col min="2345" max="2345" width="1" style="2" customWidth="1"/>
    <col min="2346" max="2369" width="2.58203125" style="2" customWidth="1"/>
    <col min="2370" max="2380" width="9" style="2" customWidth="1"/>
    <col min="2381" max="2560" width="9" style="2"/>
    <col min="2561" max="2561" width="1.25" style="2" customWidth="1"/>
    <col min="2562" max="2598" width="2.58203125" style="2" customWidth="1"/>
    <col min="2599" max="2599" width="4.5" style="2" customWidth="1"/>
    <col min="2600" max="2600" width="0.33203125" style="2" customWidth="1"/>
    <col min="2601" max="2601" width="1" style="2" customWidth="1"/>
    <col min="2602" max="2625" width="2.58203125" style="2" customWidth="1"/>
    <col min="2626" max="2636" width="9" style="2" customWidth="1"/>
    <col min="2637" max="2816" width="9" style="2"/>
    <col min="2817" max="2817" width="1.25" style="2" customWidth="1"/>
    <col min="2818" max="2854" width="2.58203125" style="2" customWidth="1"/>
    <col min="2855" max="2855" width="4.5" style="2" customWidth="1"/>
    <col min="2856" max="2856" width="0.33203125" style="2" customWidth="1"/>
    <col min="2857" max="2857" width="1" style="2" customWidth="1"/>
    <col min="2858" max="2881" width="2.58203125" style="2" customWidth="1"/>
    <col min="2882" max="2892" width="9" style="2" customWidth="1"/>
    <col min="2893" max="3072" width="9" style="2"/>
    <col min="3073" max="3073" width="1.25" style="2" customWidth="1"/>
    <col min="3074" max="3110" width="2.58203125" style="2" customWidth="1"/>
    <col min="3111" max="3111" width="4.5" style="2" customWidth="1"/>
    <col min="3112" max="3112" width="0.33203125" style="2" customWidth="1"/>
    <col min="3113" max="3113" width="1" style="2" customWidth="1"/>
    <col min="3114" max="3137" width="2.58203125" style="2" customWidth="1"/>
    <col min="3138" max="3148" width="9" style="2" customWidth="1"/>
    <col min="3149" max="3328" width="9" style="2"/>
    <col min="3329" max="3329" width="1.25" style="2" customWidth="1"/>
    <col min="3330" max="3366" width="2.58203125" style="2" customWidth="1"/>
    <col min="3367" max="3367" width="4.5" style="2" customWidth="1"/>
    <col min="3368" max="3368" width="0.33203125" style="2" customWidth="1"/>
    <col min="3369" max="3369" width="1" style="2" customWidth="1"/>
    <col min="3370" max="3393" width="2.58203125" style="2" customWidth="1"/>
    <col min="3394" max="3404" width="9" style="2" customWidth="1"/>
    <col min="3405" max="3584" width="9" style="2"/>
    <col min="3585" max="3585" width="1.25" style="2" customWidth="1"/>
    <col min="3586" max="3622" width="2.58203125" style="2" customWidth="1"/>
    <col min="3623" max="3623" width="4.5" style="2" customWidth="1"/>
    <col min="3624" max="3624" width="0.33203125" style="2" customWidth="1"/>
    <col min="3625" max="3625" width="1" style="2" customWidth="1"/>
    <col min="3626" max="3649" width="2.58203125" style="2" customWidth="1"/>
    <col min="3650" max="3660" width="9" style="2" customWidth="1"/>
    <col min="3661" max="3840" width="9" style="2"/>
    <col min="3841" max="3841" width="1.25" style="2" customWidth="1"/>
    <col min="3842" max="3878" width="2.58203125" style="2" customWidth="1"/>
    <col min="3879" max="3879" width="4.5" style="2" customWidth="1"/>
    <col min="3880" max="3880" width="0.33203125" style="2" customWidth="1"/>
    <col min="3881" max="3881" width="1" style="2" customWidth="1"/>
    <col min="3882" max="3905" width="2.58203125" style="2" customWidth="1"/>
    <col min="3906" max="3916" width="9" style="2" customWidth="1"/>
    <col min="3917" max="4096" width="9" style="2"/>
    <col min="4097" max="4097" width="1.25" style="2" customWidth="1"/>
    <col min="4098" max="4134" width="2.58203125" style="2" customWidth="1"/>
    <col min="4135" max="4135" width="4.5" style="2" customWidth="1"/>
    <col min="4136" max="4136" width="0.33203125" style="2" customWidth="1"/>
    <col min="4137" max="4137" width="1" style="2" customWidth="1"/>
    <col min="4138" max="4161" width="2.58203125" style="2" customWidth="1"/>
    <col min="4162" max="4172" width="9" style="2" customWidth="1"/>
    <col min="4173" max="4352" width="9" style="2"/>
    <col min="4353" max="4353" width="1.25" style="2" customWidth="1"/>
    <col min="4354" max="4390" width="2.58203125" style="2" customWidth="1"/>
    <col min="4391" max="4391" width="4.5" style="2" customWidth="1"/>
    <col min="4392" max="4392" width="0.33203125" style="2" customWidth="1"/>
    <col min="4393" max="4393" width="1" style="2" customWidth="1"/>
    <col min="4394" max="4417" width="2.58203125" style="2" customWidth="1"/>
    <col min="4418" max="4428" width="9" style="2" customWidth="1"/>
    <col min="4429" max="4608" width="9" style="2"/>
    <col min="4609" max="4609" width="1.25" style="2" customWidth="1"/>
    <col min="4610" max="4646" width="2.58203125" style="2" customWidth="1"/>
    <col min="4647" max="4647" width="4.5" style="2" customWidth="1"/>
    <col min="4648" max="4648" width="0.33203125" style="2" customWidth="1"/>
    <col min="4649" max="4649" width="1" style="2" customWidth="1"/>
    <col min="4650" max="4673" width="2.58203125" style="2" customWidth="1"/>
    <col min="4674" max="4684" width="9" style="2" customWidth="1"/>
    <col min="4685" max="4864" width="9" style="2"/>
    <col min="4865" max="4865" width="1.25" style="2" customWidth="1"/>
    <col min="4866" max="4902" width="2.58203125" style="2" customWidth="1"/>
    <col min="4903" max="4903" width="4.5" style="2" customWidth="1"/>
    <col min="4904" max="4904" width="0.33203125" style="2" customWidth="1"/>
    <col min="4905" max="4905" width="1" style="2" customWidth="1"/>
    <col min="4906" max="4929" width="2.58203125" style="2" customWidth="1"/>
    <col min="4930" max="4940" width="9" style="2" customWidth="1"/>
    <col min="4941" max="5120" width="9" style="2"/>
    <col min="5121" max="5121" width="1.25" style="2" customWidth="1"/>
    <col min="5122" max="5158" width="2.58203125" style="2" customWidth="1"/>
    <col min="5159" max="5159" width="4.5" style="2" customWidth="1"/>
    <col min="5160" max="5160" width="0.33203125" style="2" customWidth="1"/>
    <col min="5161" max="5161" width="1" style="2" customWidth="1"/>
    <col min="5162" max="5185" width="2.58203125" style="2" customWidth="1"/>
    <col min="5186" max="5196" width="9" style="2" customWidth="1"/>
    <col min="5197" max="5376" width="9" style="2"/>
    <col min="5377" max="5377" width="1.25" style="2" customWidth="1"/>
    <col min="5378" max="5414" width="2.58203125" style="2" customWidth="1"/>
    <col min="5415" max="5415" width="4.5" style="2" customWidth="1"/>
    <col min="5416" max="5416" width="0.33203125" style="2" customWidth="1"/>
    <col min="5417" max="5417" width="1" style="2" customWidth="1"/>
    <col min="5418" max="5441" width="2.58203125" style="2" customWidth="1"/>
    <col min="5442" max="5452" width="9" style="2" customWidth="1"/>
    <col min="5453" max="5632" width="9" style="2"/>
    <col min="5633" max="5633" width="1.25" style="2" customWidth="1"/>
    <col min="5634" max="5670" width="2.58203125" style="2" customWidth="1"/>
    <col min="5671" max="5671" width="4.5" style="2" customWidth="1"/>
    <col min="5672" max="5672" width="0.33203125" style="2" customWidth="1"/>
    <col min="5673" max="5673" width="1" style="2" customWidth="1"/>
    <col min="5674" max="5697" width="2.58203125" style="2" customWidth="1"/>
    <col min="5698" max="5708" width="9" style="2" customWidth="1"/>
    <col min="5709" max="5888" width="9" style="2"/>
    <col min="5889" max="5889" width="1.25" style="2" customWidth="1"/>
    <col min="5890" max="5926" width="2.58203125" style="2" customWidth="1"/>
    <col min="5927" max="5927" width="4.5" style="2" customWidth="1"/>
    <col min="5928" max="5928" width="0.33203125" style="2" customWidth="1"/>
    <col min="5929" max="5929" width="1" style="2" customWidth="1"/>
    <col min="5930" max="5953" width="2.58203125" style="2" customWidth="1"/>
    <col min="5954" max="5964" width="9" style="2" customWidth="1"/>
    <col min="5965" max="6144" width="9" style="2"/>
    <col min="6145" max="6145" width="1.25" style="2" customWidth="1"/>
    <col min="6146" max="6182" width="2.58203125" style="2" customWidth="1"/>
    <col min="6183" max="6183" width="4.5" style="2" customWidth="1"/>
    <col min="6184" max="6184" width="0.33203125" style="2" customWidth="1"/>
    <col min="6185" max="6185" width="1" style="2" customWidth="1"/>
    <col min="6186" max="6209" width="2.58203125" style="2" customWidth="1"/>
    <col min="6210" max="6220" width="9" style="2" customWidth="1"/>
    <col min="6221" max="6400" width="9" style="2"/>
    <col min="6401" max="6401" width="1.25" style="2" customWidth="1"/>
    <col min="6402" max="6438" width="2.58203125" style="2" customWidth="1"/>
    <col min="6439" max="6439" width="4.5" style="2" customWidth="1"/>
    <col min="6440" max="6440" width="0.33203125" style="2" customWidth="1"/>
    <col min="6441" max="6441" width="1" style="2" customWidth="1"/>
    <col min="6442" max="6465" width="2.58203125" style="2" customWidth="1"/>
    <col min="6466" max="6476" width="9" style="2" customWidth="1"/>
    <col min="6477" max="6656" width="9" style="2"/>
    <col min="6657" max="6657" width="1.25" style="2" customWidth="1"/>
    <col min="6658" max="6694" width="2.58203125" style="2" customWidth="1"/>
    <col min="6695" max="6695" width="4.5" style="2" customWidth="1"/>
    <col min="6696" max="6696" width="0.33203125" style="2" customWidth="1"/>
    <col min="6697" max="6697" width="1" style="2" customWidth="1"/>
    <col min="6698" max="6721" width="2.58203125" style="2" customWidth="1"/>
    <col min="6722" max="6732" width="9" style="2" customWidth="1"/>
    <col min="6733" max="6912" width="9" style="2"/>
    <col min="6913" max="6913" width="1.25" style="2" customWidth="1"/>
    <col min="6914" max="6950" width="2.58203125" style="2" customWidth="1"/>
    <col min="6951" max="6951" width="4.5" style="2" customWidth="1"/>
    <col min="6952" max="6952" width="0.33203125" style="2" customWidth="1"/>
    <col min="6953" max="6953" width="1" style="2" customWidth="1"/>
    <col min="6954" max="6977" width="2.58203125" style="2" customWidth="1"/>
    <col min="6978" max="6988" width="9" style="2" customWidth="1"/>
    <col min="6989" max="7168" width="9" style="2"/>
    <col min="7169" max="7169" width="1.25" style="2" customWidth="1"/>
    <col min="7170" max="7206" width="2.58203125" style="2" customWidth="1"/>
    <col min="7207" max="7207" width="4.5" style="2" customWidth="1"/>
    <col min="7208" max="7208" width="0.33203125" style="2" customWidth="1"/>
    <col min="7209" max="7209" width="1" style="2" customWidth="1"/>
    <col min="7210" max="7233" width="2.58203125" style="2" customWidth="1"/>
    <col min="7234" max="7244" width="9" style="2" customWidth="1"/>
    <col min="7245" max="7424" width="9" style="2"/>
    <col min="7425" max="7425" width="1.25" style="2" customWidth="1"/>
    <col min="7426" max="7462" width="2.58203125" style="2" customWidth="1"/>
    <col min="7463" max="7463" width="4.5" style="2" customWidth="1"/>
    <col min="7464" max="7464" width="0.33203125" style="2" customWidth="1"/>
    <col min="7465" max="7465" width="1" style="2" customWidth="1"/>
    <col min="7466" max="7489" width="2.58203125" style="2" customWidth="1"/>
    <col min="7490" max="7500" width="9" style="2" customWidth="1"/>
    <col min="7501" max="7680" width="9" style="2"/>
    <col min="7681" max="7681" width="1.25" style="2" customWidth="1"/>
    <col min="7682" max="7718" width="2.58203125" style="2" customWidth="1"/>
    <col min="7719" max="7719" width="4.5" style="2" customWidth="1"/>
    <col min="7720" max="7720" width="0.33203125" style="2" customWidth="1"/>
    <col min="7721" max="7721" width="1" style="2" customWidth="1"/>
    <col min="7722" max="7745" width="2.58203125" style="2" customWidth="1"/>
    <col min="7746" max="7756" width="9" style="2" customWidth="1"/>
    <col min="7757" max="7936" width="9" style="2"/>
    <col min="7937" max="7937" width="1.25" style="2" customWidth="1"/>
    <col min="7938" max="7974" width="2.58203125" style="2" customWidth="1"/>
    <col min="7975" max="7975" width="4.5" style="2" customWidth="1"/>
    <col min="7976" max="7976" width="0.33203125" style="2" customWidth="1"/>
    <col min="7977" max="7977" width="1" style="2" customWidth="1"/>
    <col min="7978" max="8001" width="2.58203125" style="2" customWidth="1"/>
    <col min="8002" max="8012" width="9" style="2" customWidth="1"/>
    <col min="8013" max="8192" width="9" style="2"/>
    <col min="8193" max="8193" width="1.25" style="2" customWidth="1"/>
    <col min="8194" max="8230" width="2.58203125" style="2" customWidth="1"/>
    <col min="8231" max="8231" width="4.5" style="2" customWidth="1"/>
    <col min="8232" max="8232" width="0.33203125" style="2" customWidth="1"/>
    <col min="8233" max="8233" width="1" style="2" customWidth="1"/>
    <col min="8234" max="8257" width="2.58203125" style="2" customWidth="1"/>
    <col min="8258" max="8268" width="9" style="2" customWidth="1"/>
    <col min="8269" max="8448" width="9" style="2"/>
    <col min="8449" max="8449" width="1.25" style="2" customWidth="1"/>
    <col min="8450" max="8486" width="2.58203125" style="2" customWidth="1"/>
    <col min="8487" max="8487" width="4.5" style="2" customWidth="1"/>
    <col min="8488" max="8488" width="0.33203125" style="2" customWidth="1"/>
    <col min="8489" max="8489" width="1" style="2" customWidth="1"/>
    <col min="8490" max="8513" width="2.58203125" style="2" customWidth="1"/>
    <col min="8514" max="8524" width="9" style="2" customWidth="1"/>
    <col min="8525" max="8704" width="9" style="2"/>
    <col min="8705" max="8705" width="1.25" style="2" customWidth="1"/>
    <col min="8706" max="8742" width="2.58203125" style="2" customWidth="1"/>
    <col min="8743" max="8743" width="4.5" style="2" customWidth="1"/>
    <col min="8744" max="8744" width="0.33203125" style="2" customWidth="1"/>
    <col min="8745" max="8745" width="1" style="2" customWidth="1"/>
    <col min="8746" max="8769" width="2.58203125" style="2" customWidth="1"/>
    <col min="8770" max="8780" width="9" style="2" customWidth="1"/>
    <col min="8781" max="8960" width="9" style="2"/>
    <col min="8961" max="8961" width="1.25" style="2" customWidth="1"/>
    <col min="8962" max="8998" width="2.58203125" style="2" customWidth="1"/>
    <col min="8999" max="8999" width="4.5" style="2" customWidth="1"/>
    <col min="9000" max="9000" width="0.33203125" style="2" customWidth="1"/>
    <col min="9001" max="9001" width="1" style="2" customWidth="1"/>
    <col min="9002" max="9025" width="2.58203125" style="2" customWidth="1"/>
    <col min="9026" max="9036" width="9" style="2" customWidth="1"/>
    <col min="9037" max="9216" width="9" style="2"/>
    <col min="9217" max="9217" width="1.25" style="2" customWidth="1"/>
    <col min="9218" max="9254" width="2.58203125" style="2" customWidth="1"/>
    <col min="9255" max="9255" width="4.5" style="2" customWidth="1"/>
    <col min="9256" max="9256" width="0.33203125" style="2" customWidth="1"/>
    <col min="9257" max="9257" width="1" style="2" customWidth="1"/>
    <col min="9258" max="9281" width="2.58203125" style="2" customWidth="1"/>
    <col min="9282" max="9292" width="9" style="2" customWidth="1"/>
    <col min="9293" max="9472" width="9" style="2"/>
    <col min="9473" max="9473" width="1.25" style="2" customWidth="1"/>
    <col min="9474" max="9510" width="2.58203125" style="2" customWidth="1"/>
    <col min="9511" max="9511" width="4.5" style="2" customWidth="1"/>
    <col min="9512" max="9512" width="0.33203125" style="2" customWidth="1"/>
    <col min="9513" max="9513" width="1" style="2" customWidth="1"/>
    <col min="9514" max="9537" width="2.58203125" style="2" customWidth="1"/>
    <col min="9538" max="9548" width="9" style="2" customWidth="1"/>
    <col min="9549" max="9728" width="9" style="2"/>
    <col min="9729" max="9729" width="1.25" style="2" customWidth="1"/>
    <col min="9730" max="9766" width="2.58203125" style="2" customWidth="1"/>
    <col min="9767" max="9767" width="4.5" style="2" customWidth="1"/>
    <col min="9768" max="9768" width="0.33203125" style="2" customWidth="1"/>
    <col min="9769" max="9769" width="1" style="2" customWidth="1"/>
    <col min="9770" max="9793" width="2.58203125" style="2" customWidth="1"/>
    <col min="9794" max="9804" width="9" style="2" customWidth="1"/>
    <col min="9805" max="9984" width="9" style="2"/>
    <col min="9985" max="9985" width="1.25" style="2" customWidth="1"/>
    <col min="9986" max="10022" width="2.58203125" style="2" customWidth="1"/>
    <col min="10023" max="10023" width="4.5" style="2" customWidth="1"/>
    <col min="10024" max="10024" width="0.33203125" style="2" customWidth="1"/>
    <col min="10025" max="10025" width="1" style="2" customWidth="1"/>
    <col min="10026" max="10049" width="2.58203125" style="2" customWidth="1"/>
    <col min="10050" max="10060" width="9" style="2" customWidth="1"/>
    <col min="10061" max="10240" width="9" style="2"/>
    <col min="10241" max="10241" width="1.25" style="2" customWidth="1"/>
    <col min="10242" max="10278" width="2.58203125" style="2" customWidth="1"/>
    <col min="10279" max="10279" width="4.5" style="2" customWidth="1"/>
    <col min="10280" max="10280" width="0.33203125" style="2" customWidth="1"/>
    <col min="10281" max="10281" width="1" style="2" customWidth="1"/>
    <col min="10282" max="10305" width="2.58203125" style="2" customWidth="1"/>
    <col min="10306" max="10316" width="9" style="2" customWidth="1"/>
    <col min="10317" max="10496" width="9" style="2"/>
    <col min="10497" max="10497" width="1.25" style="2" customWidth="1"/>
    <col min="10498" max="10534" width="2.58203125" style="2" customWidth="1"/>
    <col min="10535" max="10535" width="4.5" style="2" customWidth="1"/>
    <col min="10536" max="10536" width="0.33203125" style="2" customWidth="1"/>
    <col min="10537" max="10537" width="1" style="2" customWidth="1"/>
    <col min="10538" max="10561" width="2.58203125" style="2" customWidth="1"/>
    <col min="10562" max="10572" width="9" style="2" customWidth="1"/>
    <col min="10573" max="10752" width="9" style="2"/>
    <col min="10753" max="10753" width="1.25" style="2" customWidth="1"/>
    <col min="10754" max="10790" width="2.58203125" style="2" customWidth="1"/>
    <col min="10791" max="10791" width="4.5" style="2" customWidth="1"/>
    <col min="10792" max="10792" width="0.33203125" style="2" customWidth="1"/>
    <col min="10793" max="10793" width="1" style="2" customWidth="1"/>
    <col min="10794" max="10817" width="2.58203125" style="2" customWidth="1"/>
    <col min="10818" max="10828" width="9" style="2" customWidth="1"/>
    <col min="10829" max="11008" width="9" style="2"/>
    <col min="11009" max="11009" width="1.25" style="2" customWidth="1"/>
    <col min="11010" max="11046" width="2.58203125" style="2" customWidth="1"/>
    <col min="11047" max="11047" width="4.5" style="2" customWidth="1"/>
    <col min="11048" max="11048" width="0.33203125" style="2" customWidth="1"/>
    <col min="11049" max="11049" width="1" style="2" customWidth="1"/>
    <col min="11050" max="11073" width="2.58203125" style="2" customWidth="1"/>
    <col min="11074" max="11084" width="9" style="2" customWidth="1"/>
    <col min="11085" max="11264" width="9" style="2"/>
    <col min="11265" max="11265" width="1.25" style="2" customWidth="1"/>
    <col min="11266" max="11302" width="2.58203125" style="2" customWidth="1"/>
    <col min="11303" max="11303" width="4.5" style="2" customWidth="1"/>
    <col min="11304" max="11304" width="0.33203125" style="2" customWidth="1"/>
    <col min="11305" max="11305" width="1" style="2" customWidth="1"/>
    <col min="11306" max="11329" width="2.58203125" style="2" customWidth="1"/>
    <col min="11330" max="11340" width="9" style="2" customWidth="1"/>
    <col min="11341" max="11520" width="9" style="2"/>
    <col min="11521" max="11521" width="1.25" style="2" customWidth="1"/>
    <col min="11522" max="11558" width="2.58203125" style="2" customWidth="1"/>
    <col min="11559" max="11559" width="4.5" style="2" customWidth="1"/>
    <col min="11560" max="11560" width="0.33203125" style="2" customWidth="1"/>
    <col min="11561" max="11561" width="1" style="2" customWidth="1"/>
    <col min="11562" max="11585" width="2.58203125" style="2" customWidth="1"/>
    <col min="11586" max="11596" width="9" style="2" customWidth="1"/>
    <col min="11597" max="11776" width="9" style="2"/>
    <col min="11777" max="11777" width="1.25" style="2" customWidth="1"/>
    <col min="11778" max="11814" width="2.58203125" style="2" customWidth="1"/>
    <col min="11815" max="11815" width="4.5" style="2" customWidth="1"/>
    <col min="11816" max="11816" width="0.33203125" style="2" customWidth="1"/>
    <col min="11817" max="11817" width="1" style="2" customWidth="1"/>
    <col min="11818" max="11841" width="2.58203125" style="2" customWidth="1"/>
    <col min="11842" max="11852" width="9" style="2" customWidth="1"/>
    <col min="11853" max="12032" width="9" style="2"/>
    <col min="12033" max="12033" width="1.25" style="2" customWidth="1"/>
    <col min="12034" max="12070" width="2.58203125" style="2" customWidth="1"/>
    <col min="12071" max="12071" width="4.5" style="2" customWidth="1"/>
    <col min="12072" max="12072" width="0.33203125" style="2" customWidth="1"/>
    <col min="12073" max="12073" width="1" style="2" customWidth="1"/>
    <col min="12074" max="12097" width="2.58203125" style="2" customWidth="1"/>
    <col min="12098" max="12108" width="9" style="2" customWidth="1"/>
    <col min="12109" max="12288" width="9" style="2"/>
    <col min="12289" max="12289" width="1.25" style="2" customWidth="1"/>
    <col min="12290" max="12326" width="2.58203125" style="2" customWidth="1"/>
    <col min="12327" max="12327" width="4.5" style="2" customWidth="1"/>
    <col min="12328" max="12328" width="0.33203125" style="2" customWidth="1"/>
    <col min="12329" max="12329" width="1" style="2" customWidth="1"/>
    <col min="12330" max="12353" width="2.58203125" style="2" customWidth="1"/>
    <col min="12354" max="12364" width="9" style="2" customWidth="1"/>
    <col min="12365" max="12544" width="9" style="2"/>
    <col min="12545" max="12545" width="1.25" style="2" customWidth="1"/>
    <col min="12546" max="12582" width="2.58203125" style="2" customWidth="1"/>
    <col min="12583" max="12583" width="4.5" style="2" customWidth="1"/>
    <col min="12584" max="12584" width="0.33203125" style="2" customWidth="1"/>
    <col min="12585" max="12585" width="1" style="2" customWidth="1"/>
    <col min="12586" max="12609" width="2.58203125" style="2" customWidth="1"/>
    <col min="12610" max="12620" width="9" style="2" customWidth="1"/>
    <col min="12621" max="12800" width="9" style="2"/>
    <col min="12801" max="12801" width="1.25" style="2" customWidth="1"/>
    <col min="12802" max="12838" width="2.58203125" style="2" customWidth="1"/>
    <col min="12839" max="12839" width="4.5" style="2" customWidth="1"/>
    <col min="12840" max="12840" width="0.33203125" style="2" customWidth="1"/>
    <col min="12841" max="12841" width="1" style="2" customWidth="1"/>
    <col min="12842" max="12865" width="2.58203125" style="2" customWidth="1"/>
    <col min="12866" max="12876" width="9" style="2" customWidth="1"/>
    <col min="12877" max="13056" width="9" style="2"/>
    <col min="13057" max="13057" width="1.25" style="2" customWidth="1"/>
    <col min="13058" max="13094" width="2.58203125" style="2" customWidth="1"/>
    <col min="13095" max="13095" width="4.5" style="2" customWidth="1"/>
    <col min="13096" max="13096" width="0.33203125" style="2" customWidth="1"/>
    <col min="13097" max="13097" width="1" style="2" customWidth="1"/>
    <col min="13098" max="13121" width="2.58203125" style="2" customWidth="1"/>
    <col min="13122" max="13132" width="9" style="2" customWidth="1"/>
    <col min="13133" max="13312" width="9" style="2"/>
    <col min="13313" max="13313" width="1.25" style="2" customWidth="1"/>
    <col min="13314" max="13350" width="2.58203125" style="2" customWidth="1"/>
    <col min="13351" max="13351" width="4.5" style="2" customWidth="1"/>
    <col min="13352" max="13352" width="0.33203125" style="2" customWidth="1"/>
    <col min="13353" max="13353" width="1" style="2" customWidth="1"/>
    <col min="13354" max="13377" width="2.58203125" style="2" customWidth="1"/>
    <col min="13378" max="13388" width="9" style="2" customWidth="1"/>
    <col min="13389" max="13568" width="9" style="2"/>
    <col min="13569" max="13569" width="1.25" style="2" customWidth="1"/>
    <col min="13570" max="13606" width="2.58203125" style="2" customWidth="1"/>
    <col min="13607" max="13607" width="4.5" style="2" customWidth="1"/>
    <col min="13608" max="13608" width="0.33203125" style="2" customWidth="1"/>
    <col min="13609" max="13609" width="1" style="2" customWidth="1"/>
    <col min="13610" max="13633" width="2.58203125" style="2" customWidth="1"/>
    <col min="13634" max="13644" width="9" style="2" customWidth="1"/>
    <col min="13645" max="13824" width="9" style="2"/>
    <col min="13825" max="13825" width="1.25" style="2" customWidth="1"/>
    <col min="13826" max="13862" width="2.58203125" style="2" customWidth="1"/>
    <col min="13863" max="13863" width="4.5" style="2" customWidth="1"/>
    <col min="13864" max="13864" width="0.33203125" style="2" customWidth="1"/>
    <col min="13865" max="13865" width="1" style="2" customWidth="1"/>
    <col min="13866" max="13889" width="2.58203125" style="2" customWidth="1"/>
    <col min="13890" max="13900" width="9" style="2" customWidth="1"/>
    <col min="13901" max="14080" width="9" style="2"/>
    <col min="14081" max="14081" width="1.25" style="2" customWidth="1"/>
    <col min="14082" max="14118" width="2.58203125" style="2" customWidth="1"/>
    <col min="14119" max="14119" width="4.5" style="2" customWidth="1"/>
    <col min="14120" max="14120" width="0.33203125" style="2" customWidth="1"/>
    <col min="14121" max="14121" width="1" style="2" customWidth="1"/>
    <col min="14122" max="14145" width="2.58203125" style="2" customWidth="1"/>
    <col min="14146" max="14156" width="9" style="2" customWidth="1"/>
    <col min="14157" max="14336" width="9" style="2"/>
    <col min="14337" max="14337" width="1.25" style="2" customWidth="1"/>
    <col min="14338" max="14374" width="2.58203125" style="2" customWidth="1"/>
    <col min="14375" max="14375" width="4.5" style="2" customWidth="1"/>
    <col min="14376" max="14376" width="0.33203125" style="2" customWidth="1"/>
    <col min="14377" max="14377" width="1" style="2" customWidth="1"/>
    <col min="14378" max="14401" width="2.58203125" style="2" customWidth="1"/>
    <col min="14402" max="14412" width="9" style="2" customWidth="1"/>
    <col min="14413" max="14592" width="9" style="2"/>
    <col min="14593" max="14593" width="1.25" style="2" customWidth="1"/>
    <col min="14594" max="14630" width="2.58203125" style="2" customWidth="1"/>
    <col min="14631" max="14631" width="4.5" style="2" customWidth="1"/>
    <col min="14632" max="14632" width="0.33203125" style="2" customWidth="1"/>
    <col min="14633" max="14633" width="1" style="2" customWidth="1"/>
    <col min="14634" max="14657" width="2.58203125" style="2" customWidth="1"/>
    <col min="14658" max="14668" width="9" style="2" customWidth="1"/>
    <col min="14669" max="14848" width="9" style="2"/>
    <col min="14849" max="14849" width="1.25" style="2" customWidth="1"/>
    <col min="14850" max="14886" width="2.58203125" style="2" customWidth="1"/>
    <col min="14887" max="14887" width="4.5" style="2" customWidth="1"/>
    <col min="14888" max="14888" width="0.33203125" style="2" customWidth="1"/>
    <col min="14889" max="14889" width="1" style="2" customWidth="1"/>
    <col min="14890" max="14913" width="2.58203125" style="2" customWidth="1"/>
    <col min="14914" max="14924" width="9" style="2" customWidth="1"/>
    <col min="14925" max="15104" width="9" style="2"/>
    <col min="15105" max="15105" width="1.25" style="2" customWidth="1"/>
    <col min="15106" max="15142" width="2.58203125" style="2" customWidth="1"/>
    <col min="15143" max="15143" width="4.5" style="2" customWidth="1"/>
    <col min="15144" max="15144" width="0.33203125" style="2" customWidth="1"/>
    <col min="15145" max="15145" width="1" style="2" customWidth="1"/>
    <col min="15146" max="15169" width="2.58203125" style="2" customWidth="1"/>
    <col min="15170" max="15180" width="9" style="2" customWidth="1"/>
    <col min="15181" max="15360" width="9" style="2"/>
    <col min="15361" max="15361" width="1.25" style="2" customWidth="1"/>
    <col min="15362" max="15398" width="2.58203125" style="2" customWidth="1"/>
    <col min="15399" max="15399" width="4.5" style="2" customWidth="1"/>
    <col min="15400" max="15400" width="0.33203125" style="2" customWidth="1"/>
    <col min="15401" max="15401" width="1" style="2" customWidth="1"/>
    <col min="15402" max="15425" width="2.58203125" style="2" customWidth="1"/>
    <col min="15426" max="15436" width="9" style="2" customWidth="1"/>
    <col min="15437" max="15616" width="9" style="2"/>
    <col min="15617" max="15617" width="1.25" style="2" customWidth="1"/>
    <col min="15618" max="15654" width="2.58203125" style="2" customWidth="1"/>
    <col min="15655" max="15655" width="4.5" style="2" customWidth="1"/>
    <col min="15656" max="15656" width="0.33203125" style="2" customWidth="1"/>
    <col min="15657" max="15657" width="1" style="2" customWidth="1"/>
    <col min="15658" max="15681" width="2.58203125" style="2" customWidth="1"/>
    <col min="15682" max="15692" width="9" style="2" customWidth="1"/>
    <col min="15693" max="15872" width="9" style="2"/>
    <col min="15873" max="15873" width="1.25" style="2" customWidth="1"/>
    <col min="15874" max="15910" width="2.58203125" style="2" customWidth="1"/>
    <col min="15911" max="15911" width="4.5" style="2" customWidth="1"/>
    <col min="15912" max="15912" width="0.33203125" style="2" customWidth="1"/>
    <col min="15913" max="15913" width="1" style="2" customWidth="1"/>
    <col min="15914" max="15937" width="2.58203125" style="2" customWidth="1"/>
    <col min="15938" max="15948" width="9" style="2" customWidth="1"/>
    <col min="15949" max="16128" width="9" style="2"/>
    <col min="16129" max="16129" width="1.25" style="2" customWidth="1"/>
    <col min="16130" max="16166" width="2.58203125" style="2" customWidth="1"/>
    <col min="16167" max="16167" width="4.5" style="2" customWidth="1"/>
    <col min="16168" max="16168" width="0.33203125" style="2" customWidth="1"/>
    <col min="16169" max="16169" width="1" style="2" customWidth="1"/>
    <col min="16170" max="16193" width="2.58203125" style="2" customWidth="1"/>
    <col min="16194" max="16204" width="9" style="2" customWidth="1"/>
    <col min="16205" max="16384" width="9" style="2"/>
  </cols>
  <sheetData>
    <row r="1" spans="1:53" s="1" customFormat="1" ht="13.5" customHeight="1" x14ac:dyDescent="0.55000000000000004">
      <c r="A1" s="8"/>
      <c r="B1" s="8"/>
      <c r="C1" s="8"/>
      <c r="D1" s="8"/>
      <c r="E1" s="8"/>
      <c r="F1" s="8"/>
      <c r="G1" s="8"/>
      <c r="H1" s="8"/>
      <c r="I1" s="8"/>
      <c r="J1" s="8"/>
      <c r="K1" s="8"/>
      <c r="L1" s="8"/>
      <c r="M1" s="8"/>
      <c r="N1" s="8"/>
      <c r="O1" s="8"/>
      <c r="P1" s="8"/>
      <c r="Q1" s="8"/>
      <c r="R1" s="8"/>
      <c r="S1" s="8"/>
      <c r="T1" s="8"/>
      <c r="U1" s="8"/>
      <c r="V1" s="85"/>
      <c r="W1" s="85"/>
      <c r="X1" s="85" t="s">
        <v>0</v>
      </c>
      <c r="Y1" s="85"/>
      <c r="Z1" s="396">
        <v>2026</v>
      </c>
      <c r="AA1" s="397"/>
      <c r="AB1" s="397"/>
      <c r="AC1" s="397"/>
      <c r="AD1" s="397"/>
      <c r="AE1" s="85" t="s">
        <v>1</v>
      </c>
      <c r="AF1" s="396">
        <v>1</v>
      </c>
      <c r="AG1" s="397"/>
      <c r="AH1" s="397"/>
      <c r="AI1" s="85" t="s">
        <v>2</v>
      </c>
      <c r="AJ1" s="398">
        <v>1</v>
      </c>
      <c r="AK1" s="397"/>
      <c r="AL1" s="397"/>
      <c r="AM1" s="85" t="s">
        <v>3</v>
      </c>
      <c r="AN1" s="8"/>
      <c r="AO1" s="8"/>
      <c r="AP1" s="87" t="s">
        <v>73</v>
      </c>
    </row>
    <row r="2" spans="1:53" s="1" customFormat="1" ht="2.25" customHeight="1" x14ac:dyDescent="0.55000000000000004">
      <c r="A2" s="8"/>
      <c r="B2" s="8"/>
      <c r="C2" s="8"/>
      <c r="D2" s="8"/>
      <c r="E2" s="8"/>
      <c r="F2" s="8"/>
      <c r="G2" s="8"/>
      <c r="H2" s="8"/>
      <c r="I2" s="8"/>
      <c r="J2" s="8"/>
      <c r="K2" s="8"/>
      <c r="L2" s="8"/>
      <c r="M2" s="8"/>
      <c r="N2" s="8"/>
      <c r="O2" s="8"/>
      <c r="P2" s="8"/>
      <c r="Q2" s="8"/>
      <c r="R2" s="8"/>
      <c r="S2" s="8"/>
      <c r="T2" s="8"/>
      <c r="U2" s="8"/>
      <c r="V2" s="8"/>
      <c r="W2" s="8"/>
      <c r="X2" s="8"/>
      <c r="Y2" s="8"/>
      <c r="Z2" s="8"/>
      <c r="AA2" s="8"/>
      <c r="AB2" s="9"/>
      <c r="AC2" s="8"/>
      <c r="AD2" s="8"/>
      <c r="AE2" s="8"/>
      <c r="AF2" s="8"/>
      <c r="AG2" s="9"/>
      <c r="AH2" s="8"/>
      <c r="AI2" s="8"/>
      <c r="AJ2" s="8"/>
      <c r="AK2" s="9"/>
      <c r="AL2" s="9"/>
      <c r="AM2" s="8"/>
      <c r="AN2" s="8"/>
      <c r="AO2" s="8"/>
      <c r="AP2" s="87"/>
    </row>
    <row r="3" spans="1:53" ht="20.149999999999999" customHeight="1" x14ac:dyDescent="0.55000000000000004">
      <c r="A3" s="10"/>
      <c r="B3" s="11" t="s">
        <v>4</v>
      </c>
      <c r="C3" s="10"/>
      <c r="D3" s="10"/>
      <c r="E3" s="10"/>
      <c r="F3" s="10"/>
      <c r="G3" s="10"/>
      <c r="H3" s="10"/>
      <c r="I3" s="10"/>
      <c r="J3" s="10"/>
      <c r="K3" s="10"/>
      <c r="L3" s="10"/>
      <c r="M3" s="10"/>
      <c r="N3" s="10"/>
      <c r="O3" s="10"/>
      <c r="P3" s="399" t="s">
        <v>45</v>
      </c>
      <c r="Q3" s="400"/>
      <c r="R3" s="79"/>
      <c r="S3" s="79"/>
      <c r="T3" s="79"/>
      <c r="U3" s="404" t="s">
        <v>74</v>
      </c>
      <c r="V3" s="405"/>
      <c r="W3" s="405"/>
      <c r="X3" s="405"/>
      <c r="Y3" s="405"/>
      <c r="Z3" s="405"/>
      <c r="AA3" s="405"/>
      <c r="AB3" s="405"/>
      <c r="AC3" s="405"/>
      <c r="AD3" s="405"/>
      <c r="AE3" s="405"/>
      <c r="AF3" s="405"/>
      <c r="AG3" s="405"/>
      <c r="AH3" s="405"/>
      <c r="AI3" s="405"/>
      <c r="AJ3" s="405"/>
      <c r="AK3" s="405"/>
      <c r="AL3" s="405"/>
      <c r="AM3" s="406"/>
      <c r="AN3" s="10"/>
      <c r="AO3" s="10"/>
    </row>
    <row r="4" spans="1:53" ht="15" customHeight="1" x14ac:dyDescent="0.55000000000000004">
      <c r="A4" s="10"/>
      <c r="B4" s="10"/>
      <c r="C4" s="10"/>
      <c r="D4" s="10"/>
      <c r="E4" s="10"/>
      <c r="F4" s="10"/>
      <c r="G4" s="10"/>
      <c r="H4" s="10"/>
      <c r="I4" s="10"/>
      <c r="J4" s="10"/>
      <c r="K4" s="10"/>
      <c r="L4" s="10"/>
      <c r="M4" s="10"/>
      <c r="N4" s="10"/>
      <c r="O4" s="10"/>
      <c r="P4" s="401"/>
      <c r="Q4" s="186"/>
      <c r="R4" s="10"/>
      <c r="S4" s="16" t="s">
        <v>56</v>
      </c>
      <c r="T4" s="80"/>
      <c r="U4" s="349" t="s">
        <v>75</v>
      </c>
      <c r="V4" s="407"/>
      <c r="W4" s="407"/>
      <c r="X4" s="407"/>
      <c r="Y4" s="407"/>
      <c r="Z4" s="407"/>
      <c r="AA4" s="407"/>
      <c r="AB4" s="407"/>
      <c r="AC4" s="407"/>
      <c r="AD4" s="407"/>
      <c r="AE4" s="407"/>
      <c r="AF4" s="407"/>
      <c r="AG4" s="407"/>
      <c r="AH4" s="407"/>
      <c r="AI4" s="407"/>
      <c r="AJ4" s="407"/>
      <c r="AK4" s="407"/>
      <c r="AL4" s="407"/>
      <c r="AM4" s="408"/>
      <c r="AN4" s="10"/>
      <c r="AO4" s="10"/>
    </row>
    <row r="5" spans="1:53" ht="20.149999999999999" customHeight="1" x14ac:dyDescent="0.55000000000000004">
      <c r="A5" s="10"/>
      <c r="B5" s="12"/>
      <c r="C5" s="13"/>
      <c r="D5" s="13"/>
      <c r="E5" s="13"/>
      <c r="F5" s="13"/>
      <c r="G5" s="13"/>
      <c r="H5" s="13"/>
      <c r="I5" s="13"/>
      <c r="J5" s="13"/>
      <c r="K5" s="13"/>
      <c r="L5" s="13"/>
      <c r="M5" s="13"/>
      <c r="N5" s="10"/>
      <c r="O5" s="13"/>
      <c r="P5" s="401"/>
      <c r="Q5" s="186"/>
      <c r="R5" s="10"/>
      <c r="S5" s="10"/>
      <c r="T5" s="10"/>
      <c r="U5" s="409" t="s">
        <v>76</v>
      </c>
      <c r="V5" s="410"/>
      <c r="W5" s="410"/>
      <c r="X5" s="410"/>
      <c r="Y5" s="410"/>
      <c r="Z5" s="410"/>
      <c r="AA5" s="410"/>
      <c r="AB5" s="410"/>
      <c r="AC5" s="410"/>
      <c r="AD5" s="410"/>
      <c r="AE5" s="410"/>
      <c r="AF5" s="410"/>
      <c r="AG5" s="410"/>
      <c r="AH5" s="410"/>
      <c r="AI5" s="410"/>
      <c r="AJ5" s="410"/>
      <c r="AK5" s="410"/>
      <c r="AL5" s="410"/>
      <c r="AM5" s="411"/>
      <c r="AN5" s="10"/>
      <c r="AO5" s="10"/>
      <c r="AP5" s="87" t="s">
        <v>77</v>
      </c>
    </row>
    <row r="6" spans="1:53" ht="20.149999999999999" customHeight="1" x14ac:dyDescent="0.55000000000000004">
      <c r="A6" s="10"/>
      <c r="B6" s="12"/>
      <c r="C6" s="13"/>
      <c r="D6" s="13"/>
      <c r="E6" s="13"/>
      <c r="F6" s="13"/>
      <c r="G6" s="13"/>
      <c r="H6" s="13"/>
      <c r="I6" s="13"/>
      <c r="J6" s="13"/>
      <c r="K6" s="13"/>
      <c r="L6" s="13"/>
      <c r="M6" s="13"/>
      <c r="N6" s="10"/>
      <c r="O6" s="13"/>
      <c r="P6" s="401"/>
      <c r="Q6" s="186"/>
      <c r="R6" s="10"/>
      <c r="S6" s="10"/>
      <c r="T6" s="10"/>
      <c r="U6" s="86"/>
      <c r="V6"/>
      <c r="W6"/>
      <c r="X6" s="410" t="s">
        <v>78</v>
      </c>
      <c r="Y6" s="412"/>
      <c r="Z6" s="412"/>
      <c r="AA6" s="412"/>
      <c r="AB6" s="412"/>
      <c r="AC6" s="412"/>
      <c r="AD6" s="412"/>
      <c r="AE6" s="412"/>
      <c r="AF6" s="412"/>
      <c r="AG6" s="412"/>
      <c r="AH6" s="412"/>
      <c r="AI6" s="412"/>
      <c r="AJ6" s="412"/>
      <c r="AK6" s="412"/>
      <c r="AL6" s="412"/>
      <c r="AM6" s="413"/>
      <c r="AN6" s="10"/>
      <c r="AO6" s="10"/>
    </row>
    <row r="7" spans="1:53" ht="20.149999999999999" customHeight="1" x14ac:dyDescent="0.55000000000000004">
      <c r="A7" s="10"/>
      <c r="B7" s="12"/>
      <c r="C7" s="13"/>
      <c r="D7" s="13"/>
      <c r="E7" s="13"/>
      <c r="F7" s="13"/>
      <c r="G7" s="13"/>
      <c r="H7" s="13"/>
      <c r="I7" s="13"/>
      <c r="J7" s="13"/>
      <c r="K7" s="13"/>
      <c r="L7" s="13"/>
      <c r="M7" s="13"/>
      <c r="N7" s="10"/>
      <c r="O7" s="13"/>
      <c r="P7" s="401"/>
      <c r="Q7" s="186"/>
      <c r="R7" s="77"/>
      <c r="S7"/>
      <c r="T7"/>
      <c r="U7"/>
      <c r="V7"/>
      <c r="W7"/>
      <c r="X7" s="414" t="s">
        <v>56</v>
      </c>
      <c r="Y7" s="414"/>
      <c r="Z7" s="414"/>
      <c r="AA7" s="414"/>
      <c r="AB7" s="414"/>
      <c r="AC7" s="414"/>
      <c r="AD7" s="414"/>
      <c r="AE7" s="414"/>
      <c r="AF7" s="414"/>
      <c r="AG7" s="414"/>
      <c r="AH7" s="414"/>
      <c r="AI7" s="414"/>
      <c r="AJ7" s="414"/>
      <c r="AK7" s="414"/>
      <c r="AL7" s="414"/>
      <c r="AM7" s="415"/>
      <c r="AN7" s="10"/>
      <c r="AO7" s="10"/>
    </row>
    <row r="8" spans="1:53" ht="18.75" customHeight="1" x14ac:dyDescent="0.55000000000000004">
      <c r="A8" s="10"/>
      <c r="B8" s="12"/>
      <c r="C8" s="13"/>
      <c r="D8" s="13"/>
      <c r="E8" s="13"/>
      <c r="F8" s="13"/>
      <c r="G8" s="13"/>
      <c r="H8" s="13"/>
      <c r="I8" s="13"/>
      <c r="J8" s="13"/>
      <c r="K8" s="13"/>
      <c r="L8" s="13"/>
      <c r="M8" s="13"/>
      <c r="N8" s="13"/>
      <c r="O8" s="13"/>
      <c r="P8" s="402"/>
      <c r="Q8" s="403"/>
      <c r="R8" s="15" t="s">
        <v>79</v>
      </c>
      <c r="S8" s="14"/>
      <c r="T8" s="353" t="s">
        <v>80</v>
      </c>
      <c r="U8" s="354"/>
      <c r="V8" s="354"/>
      <c r="W8" s="354"/>
      <c r="X8" s="354"/>
      <c r="Y8" s="354"/>
      <c r="Z8" s="354"/>
      <c r="AA8" s="354"/>
      <c r="AB8" s="354"/>
      <c r="AC8" s="15" t="s">
        <v>54</v>
      </c>
      <c r="AD8" s="15"/>
      <c r="AE8" s="353" t="s">
        <v>81</v>
      </c>
      <c r="AF8" s="354"/>
      <c r="AG8" s="354"/>
      <c r="AH8" s="354"/>
      <c r="AI8" s="354"/>
      <c r="AJ8" s="354"/>
      <c r="AK8" s="354"/>
      <c r="AL8" s="354"/>
      <c r="AM8" s="383"/>
      <c r="AN8" s="10"/>
      <c r="AO8" s="10"/>
    </row>
    <row r="9" spans="1:53" ht="22.5" hidden="1" customHeight="1" x14ac:dyDescent="0.55000000000000004">
      <c r="A9" s="10"/>
      <c r="B9" s="10"/>
      <c r="C9" s="10"/>
      <c r="D9" s="10"/>
      <c r="E9" s="10"/>
      <c r="F9" s="10"/>
      <c r="G9" s="10"/>
      <c r="H9" s="10"/>
      <c r="I9" s="10"/>
      <c r="J9" s="10"/>
      <c r="K9" s="10"/>
      <c r="L9" s="10"/>
      <c r="M9" s="10"/>
      <c r="N9" s="10"/>
      <c r="O9" s="10"/>
      <c r="P9" s="10"/>
      <c r="Q9" s="10"/>
      <c r="R9" s="10"/>
      <c r="S9" s="10"/>
      <c r="T9" s="10"/>
      <c r="U9" s="10"/>
      <c r="V9" s="10"/>
      <c r="W9" s="10"/>
      <c r="X9" s="10"/>
      <c r="Y9" s="10"/>
      <c r="Z9" s="10"/>
      <c r="AA9" s="10"/>
      <c r="AB9" s="10"/>
      <c r="AC9" s="10"/>
      <c r="AD9" s="10"/>
      <c r="AE9" s="10"/>
      <c r="AF9" s="10"/>
      <c r="AG9" s="86"/>
      <c r="AH9" s="86"/>
      <c r="AI9" s="86"/>
      <c r="AJ9" s="86"/>
      <c r="AK9" s="86"/>
      <c r="AL9" s="86"/>
      <c r="AM9" s="86"/>
      <c r="AN9" s="10"/>
      <c r="AO9" s="10"/>
    </row>
    <row r="10" spans="1:53" ht="23.25" customHeight="1" x14ac:dyDescent="0.55000000000000004">
      <c r="A10" s="10"/>
      <c r="B10" s="10"/>
      <c r="C10" s="10"/>
      <c r="D10" s="10"/>
      <c r="E10" s="10"/>
      <c r="F10" s="10"/>
      <c r="G10" s="10"/>
      <c r="H10" s="10"/>
      <c r="I10" s="10"/>
      <c r="J10" s="10"/>
      <c r="K10" s="10"/>
      <c r="L10" s="10"/>
      <c r="M10" s="10"/>
      <c r="N10" s="10"/>
      <c r="O10" s="10"/>
      <c r="P10" s="10"/>
      <c r="Q10" s="10"/>
      <c r="R10" s="10"/>
      <c r="S10" s="10"/>
      <c r="T10" s="10"/>
      <c r="U10" s="10"/>
      <c r="V10" s="10"/>
      <c r="W10" s="10"/>
      <c r="X10" s="10"/>
      <c r="Y10" s="10"/>
      <c r="Z10" s="10"/>
      <c r="AA10" s="10"/>
      <c r="AB10" s="10"/>
      <c r="AC10" s="10"/>
      <c r="AD10" s="10"/>
      <c r="AE10" s="10"/>
      <c r="AF10" s="10"/>
      <c r="AG10" s="10"/>
      <c r="AH10" s="10"/>
      <c r="AI10" s="10"/>
      <c r="AJ10" s="10"/>
      <c r="AK10" s="10"/>
      <c r="AL10" s="10"/>
      <c r="AM10" s="10"/>
      <c r="AN10" s="10"/>
      <c r="AO10" s="10"/>
      <c r="AP10" s="87" t="s">
        <v>82</v>
      </c>
      <c r="AR10" s="3"/>
      <c r="AV10" s="4"/>
    </row>
    <row r="11" spans="1:53" ht="0.75" customHeight="1" thickBot="1" x14ac:dyDescent="0.6">
      <c r="A11" s="10"/>
      <c r="B11" s="10"/>
      <c r="C11" s="10"/>
      <c r="D11" s="10"/>
      <c r="E11" s="10"/>
      <c r="F11" s="10"/>
      <c r="G11" s="10"/>
      <c r="H11" s="10"/>
      <c r="I11" s="10"/>
      <c r="J11" s="10"/>
      <c r="K11" s="10"/>
      <c r="L11" s="10"/>
      <c r="M11" s="10"/>
      <c r="N11" s="10"/>
      <c r="O11" s="10"/>
      <c r="P11" s="10"/>
      <c r="Q11" s="10"/>
      <c r="R11" s="10"/>
      <c r="S11" s="10"/>
      <c r="T11" s="10"/>
      <c r="U11" s="10"/>
      <c r="V11" s="10"/>
      <c r="W11" s="10"/>
      <c r="X11" s="10"/>
      <c r="Y11" s="10"/>
      <c r="Z11" s="10"/>
      <c r="AA11" s="10"/>
      <c r="AB11" s="10"/>
      <c r="AC11" s="10"/>
      <c r="AD11" s="10"/>
      <c r="AE11" s="10"/>
      <c r="AF11" s="10"/>
      <c r="AG11" s="10"/>
      <c r="AH11" s="10"/>
      <c r="AI11" s="10"/>
      <c r="AJ11" s="10"/>
      <c r="AK11" s="10"/>
      <c r="AL11" s="10"/>
      <c r="AM11" s="10"/>
      <c r="AN11" s="10"/>
      <c r="AO11" s="10"/>
    </row>
    <row r="12" spans="1:53" s="5" customFormat="1" ht="20.149999999999999" customHeight="1" thickBot="1" x14ac:dyDescent="0.6">
      <c r="A12" s="16"/>
      <c r="B12" s="384" t="s">
        <v>46</v>
      </c>
      <c r="C12" s="270"/>
      <c r="D12" s="270"/>
      <c r="E12" s="385"/>
      <c r="F12" s="386"/>
      <c r="G12" s="387">
        <v>2026</v>
      </c>
      <c r="H12" s="388"/>
      <c r="I12" s="388"/>
      <c r="J12" s="17" t="s">
        <v>1</v>
      </c>
      <c r="K12" s="389">
        <v>1</v>
      </c>
      <c r="L12" s="388"/>
      <c r="M12" s="17" t="s">
        <v>2</v>
      </c>
      <c r="N12" s="389">
        <v>2</v>
      </c>
      <c r="O12" s="388"/>
      <c r="P12" s="17" t="s">
        <v>3</v>
      </c>
      <c r="Q12" s="17"/>
      <c r="R12" s="17"/>
      <c r="S12" s="17"/>
      <c r="T12" s="17"/>
      <c r="U12" s="390" t="s">
        <v>55</v>
      </c>
      <c r="V12" s="391"/>
      <c r="W12" s="391"/>
      <c r="X12" s="391"/>
      <c r="Y12" s="391"/>
      <c r="Z12" s="391"/>
      <c r="AA12" s="392"/>
      <c r="AB12" s="393" t="s">
        <v>181</v>
      </c>
      <c r="AC12" s="394"/>
      <c r="AD12" s="394"/>
      <c r="AE12" s="394"/>
      <c r="AF12" s="394"/>
      <c r="AG12" s="394"/>
      <c r="AH12" s="394"/>
      <c r="AI12" s="394"/>
      <c r="AJ12" s="394"/>
      <c r="AK12" s="394"/>
      <c r="AL12" s="394"/>
      <c r="AM12" s="395"/>
      <c r="AN12" s="16"/>
      <c r="AO12" s="16"/>
      <c r="AP12" s="87" t="s">
        <v>83</v>
      </c>
    </row>
    <row r="13" spans="1:53" s="5" customFormat="1" ht="20.149999999999999" customHeight="1" outlineLevel="1" thickBot="1" x14ac:dyDescent="0.6">
      <c r="A13" s="16"/>
      <c r="B13" s="266" t="s">
        <v>47</v>
      </c>
      <c r="C13" s="267"/>
      <c r="D13" s="267"/>
      <c r="E13" s="267"/>
      <c r="F13" s="268"/>
      <c r="G13" s="269"/>
      <c r="H13" s="270"/>
      <c r="I13" s="270"/>
      <c r="J13" s="270"/>
      <c r="K13" s="271"/>
      <c r="L13" s="269"/>
      <c r="M13" s="270"/>
      <c r="N13" s="270"/>
      <c r="O13" s="270"/>
      <c r="P13" s="270"/>
      <c r="Q13" s="270"/>
      <c r="R13" s="271"/>
      <c r="S13" s="269"/>
      <c r="T13" s="270"/>
      <c r="U13" s="270"/>
      <c r="V13" s="270"/>
      <c r="W13" s="270"/>
      <c r="X13" s="270"/>
      <c r="Y13" s="271"/>
      <c r="Z13" s="269"/>
      <c r="AA13" s="270"/>
      <c r="AB13" s="270"/>
      <c r="AC13" s="270"/>
      <c r="AD13" s="270"/>
      <c r="AE13" s="270"/>
      <c r="AF13" s="271"/>
      <c r="AG13" s="269"/>
      <c r="AH13" s="270"/>
      <c r="AI13" s="270"/>
      <c r="AJ13" s="270"/>
      <c r="AK13" s="270"/>
      <c r="AL13" s="270"/>
      <c r="AM13" s="282"/>
      <c r="AN13" s="16"/>
      <c r="AO13" s="16"/>
      <c r="AP13" s="87" t="s">
        <v>84</v>
      </c>
    </row>
    <row r="14" spans="1:53" s="5" customFormat="1" ht="11.25" customHeight="1" thickBot="1" x14ac:dyDescent="0.6">
      <c r="A14" s="16"/>
      <c r="B14" s="16"/>
      <c r="C14" s="16"/>
      <c r="D14" s="16"/>
      <c r="E14" s="16"/>
      <c r="F14" s="16"/>
      <c r="G14" s="16"/>
      <c r="H14" s="16"/>
      <c r="I14" s="16"/>
      <c r="J14" s="16"/>
      <c r="K14" s="16"/>
      <c r="L14" s="16"/>
      <c r="M14" s="16"/>
      <c r="N14" s="16"/>
      <c r="O14" s="16"/>
      <c r="P14" s="16"/>
      <c r="Q14" s="16"/>
      <c r="R14" s="16"/>
      <c r="S14" s="16"/>
      <c r="T14" s="16"/>
      <c r="U14" s="16"/>
      <c r="V14" s="16"/>
      <c r="W14" s="16"/>
      <c r="X14" s="16"/>
      <c r="Y14" s="16"/>
      <c r="Z14" s="16"/>
      <c r="AA14" s="16"/>
      <c r="AB14" s="16"/>
      <c r="AC14" s="16"/>
      <c r="AD14" s="16"/>
      <c r="AE14" s="16"/>
      <c r="AF14" s="16"/>
      <c r="AG14" s="16"/>
      <c r="AH14" s="16"/>
      <c r="AI14" s="16"/>
      <c r="AJ14" s="16"/>
      <c r="AK14" s="16"/>
      <c r="AL14" s="16"/>
      <c r="AM14" s="16"/>
      <c r="AN14" s="16"/>
      <c r="AO14" s="16"/>
      <c r="AP14" s="87"/>
    </row>
    <row r="15" spans="1:53" s="5" customFormat="1" ht="20.149999999999999" customHeight="1" x14ac:dyDescent="0.55000000000000004">
      <c r="A15" s="16"/>
      <c r="B15" s="272" t="s">
        <v>57</v>
      </c>
      <c r="C15" s="273"/>
      <c r="D15" s="278" t="s">
        <v>5</v>
      </c>
      <c r="E15" s="279"/>
      <c r="F15" s="283" t="s">
        <v>6</v>
      </c>
      <c r="G15" s="284"/>
      <c r="H15" s="285"/>
      <c r="I15" s="356">
        <v>2025</v>
      </c>
      <c r="J15" s="357"/>
      <c r="K15" s="357"/>
      <c r="L15" s="357"/>
      <c r="M15" s="357"/>
      <c r="N15" s="357"/>
      <c r="O15" s="357"/>
      <c r="P15" s="18" t="s">
        <v>1</v>
      </c>
      <c r="Q15" s="358">
        <v>12</v>
      </c>
      <c r="R15" s="359"/>
      <c r="S15" s="18" t="s">
        <v>2</v>
      </c>
      <c r="T15" s="367">
        <v>10</v>
      </c>
      <c r="U15" s="307"/>
      <c r="V15" s="18" t="s">
        <v>3</v>
      </c>
      <c r="W15" s="18"/>
      <c r="X15" s="19"/>
      <c r="Y15" s="19"/>
      <c r="Z15" s="19"/>
      <c r="AA15" s="19"/>
      <c r="AB15" s="19"/>
      <c r="AC15" s="19"/>
      <c r="AD15" s="19"/>
      <c r="AE15" s="19"/>
      <c r="AF15" s="19"/>
      <c r="AG15" s="19"/>
      <c r="AH15" s="19"/>
      <c r="AI15" s="19"/>
      <c r="AJ15" s="19"/>
      <c r="AK15" s="19"/>
      <c r="AL15" s="19"/>
      <c r="AM15" s="20"/>
      <c r="AN15" s="16"/>
      <c r="AO15" s="16"/>
      <c r="AP15" s="87" t="s">
        <v>182</v>
      </c>
    </row>
    <row r="16" spans="1:53" s="5" customFormat="1" ht="17.25" customHeight="1" x14ac:dyDescent="0.55000000000000004">
      <c r="A16" s="16"/>
      <c r="B16" s="274"/>
      <c r="C16" s="275"/>
      <c r="D16" s="286" t="s">
        <v>7</v>
      </c>
      <c r="E16" s="287"/>
      <c r="F16" s="368" t="s">
        <v>8</v>
      </c>
      <c r="G16" s="368"/>
      <c r="H16" s="369"/>
      <c r="I16" s="21" t="s">
        <v>9</v>
      </c>
      <c r="J16" s="10"/>
      <c r="K16" s="22" t="s">
        <v>86</v>
      </c>
      <c r="L16" s="374">
        <v>100</v>
      </c>
      <c r="M16" s="375"/>
      <c r="N16" s="23" t="s">
        <v>87</v>
      </c>
      <c r="O16" s="376">
        <v>1000</v>
      </c>
      <c r="P16" s="377"/>
      <c r="Q16" s="377"/>
      <c r="R16" s="377"/>
      <c r="S16" s="377"/>
      <c r="T16" s="16"/>
      <c r="U16" s="16"/>
      <c r="V16" s="381"/>
      <c r="W16" s="381"/>
      <c r="X16" s="382"/>
      <c r="Y16" s="382"/>
      <c r="Z16" s="382"/>
      <c r="AA16" s="24"/>
      <c r="AB16" s="25"/>
      <c r="AC16" s="25"/>
      <c r="AD16" s="25"/>
      <c r="AE16" s="344"/>
      <c r="AF16" s="345"/>
      <c r="AG16" s="345"/>
      <c r="AH16" s="345"/>
      <c r="AI16" s="346"/>
      <c r="AJ16" s="345"/>
      <c r="AK16" s="345"/>
      <c r="AL16" s="345"/>
      <c r="AM16" s="347"/>
      <c r="AN16" s="16"/>
      <c r="AO16" s="16"/>
      <c r="AP16" s="87"/>
      <c r="BA16" s="6"/>
    </row>
    <row r="17" spans="1:53" s="5" customFormat="1" ht="5.25" customHeight="1" x14ac:dyDescent="0.55000000000000004">
      <c r="A17" s="16"/>
      <c r="B17" s="274"/>
      <c r="C17" s="275"/>
      <c r="D17" s="287"/>
      <c r="E17" s="287"/>
      <c r="F17" s="370"/>
      <c r="G17" s="370"/>
      <c r="H17" s="371"/>
      <c r="I17" s="10"/>
      <c r="J17" s="10"/>
      <c r="K17" s="10"/>
      <c r="L17" s="86"/>
      <c r="M17" s="86"/>
      <c r="N17" s="86"/>
      <c r="O17" s="86"/>
      <c r="P17" s="86"/>
      <c r="Q17" s="86"/>
      <c r="R17" s="86"/>
      <c r="S17" s="86"/>
      <c r="T17" s="86"/>
      <c r="U17" s="86"/>
      <c r="V17" s="86"/>
      <c r="W17" s="86"/>
      <c r="X17" s="86"/>
      <c r="Y17" s="86"/>
      <c r="Z17" s="86"/>
      <c r="AA17" s="86"/>
      <c r="AB17" s="86"/>
      <c r="AC17" s="86"/>
      <c r="AD17" s="86"/>
      <c r="AE17" s="86"/>
      <c r="AF17" s="86"/>
      <c r="AG17" s="86"/>
      <c r="AH17" s="86"/>
      <c r="AI17" s="86"/>
      <c r="AJ17" s="86"/>
      <c r="AK17" s="86"/>
      <c r="AL17" s="86"/>
      <c r="AM17" s="26"/>
      <c r="AN17" s="16"/>
      <c r="AO17" s="16"/>
      <c r="AP17" s="87"/>
      <c r="BA17" s="6"/>
    </row>
    <row r="18" spans="1:53" s="5" customFormat="1" ht="14.25" customHeight="1" x14ac:dyDescent="0.55000000000000004">
      <c r="A18" s="16"/>
      <c r="B18" s="274"/>
      <c r="C18" s="275"/>
      <c r="D18" s="287"/>
      <c r="E18" s="287"/>
      <c r="F18" s="370"/>
      <c r="G18" s="370"/>
      <c r="H18" s="371"/>
      <c r="I18" s="27" t="s">
        <v>10</v>
      </c>
      <c r="J18" s="28"/>
      <c r="K18" s="28"/>
      <c r="L18" s="348" t="s">
        <v>88</v>
      </c>
      <c r="M18" s="349"/>
      <c r="N18" s="349"/>
      <c r="O18" s="349"/>
      <c r="P18" s="349"/>
      <c r="Q18" s="349"/>
      <c r="R18" s="349"/>
      <c r="S18" s="349"/>
      <c r="T18" s="349"/>
      <c r="U18" s="349"/>
      <c r="V18" s="349"/>
      <c r="W18" s="349"/>
      <c r="X18" s="349"/>
      <c r="Y18" s="349"/>
      <c r="Z18" s="349"/>
      <c r="AA18" s="349"/>
      <c r="AB18" s="349"/>
      <c r="AC18" s="349"/>
      <c r="AD18" s="349"/>
      <c r="AE18" s="349"/>
      <c r="AF18" s="349"/>
      <c r="AG18" s="349"/>
      <c r="AH18" s="349"/>
      <c r="AI18" s="349"/>
      <c r="AJ18" s="349"/>
      <c r="AK18" s="349"/>
      <c r="AL18" s="349"/>
      <c r="AM18" s="350"/>
      <c r="AN18" s="16"/>
      <c r="AO18" s="16"/>
      <c r="AP18" s="87" t="s">
        <v>89</v>
      </c>
      <c r="BA18" s="6"/>
    </row>
    <row r="19" spans="1:53" s="5" customFormat="1" ht="20.149999999999999" customHeight="1" x14ac:dyDescent="0.3">
      <c r="A19" s="16"/>
      <c r="B19" s="274"/>
      <c r="C19" s="275"/>
      <c r="D19" s="287"/>
      <c r="E19" s="287"/>
      <c r="F19" s="370"/>
      <c r="G19" s="370"/>
      <c r="H19" s="370"/>
      <c r="I19" s="30" t="s">
        <v>11</v>
      </c>
      <c r="J19" s="81"/>
      <c r="K19" s="351" t="s">
        <v>90</v>
      </c>
      <c r="L19" s="352"/>
      <c r="M19" s="352"/>
      <c r="N19" s="352"/>
      <c r="O19" s="352"/>
      <c r="P19" s="352"/>
      <c r="Q19" s="352"/>
      <c r="R19" s="352"/>
      <c r="S19" s="352"/>
      <c r="T19" s="352"/>
      <c r="U19" s="352"/>
      <c r="V19" s="352"/>
      <c r="W19" s="352"/>
      <c r="X19" s="352"/>
      <c r="Y19" s="16"/>
      <c r="Z19" s="31" t="s">
        <v>12</v>
      </c>
      <c r="AA19" s="82"/>
      <c r="AB19" s="82"/>
      <c r="AC19" s="353" t="s">
        <v>91</v>
      </c>
      <c r="AD19" s="354"/>
      <c r="AE19" s="354"/>
      <c r="AF19" s="354"/>
      <c r="AG19" s="354"/>
      <c r="AH19" s="354"/>
      <c r="AI19" s="354"/>
      <c r="AJ19" s="354"/>
      <c r="AK19" s="354"/>
      <c r="AL19" s="354"/>
      <c r="AM19" s="355"/>
      <c r="AN19" s="16"/>
      <c r="AO19" s="16"/>
      <c r="AP19" s="87"/>
    </row>
    <row r="20" spans="1:53" s="5" customFormat="1" ht="20.149999999999999" customHeight="1" x14ac:dyDescent="0.25">
      <c r="A20" s="16"/>
      <c r="B20" s="274"/>
      <c r="C20" s="275"/>
      <c r="D20" s="287"/>
      <c r="E20" s="287"/>
      <c r="F20" s="372"/>
      <c r="G20" s="372"/>
      <c r="H20" s="373"/>
      <c r="I20" s="32" t="s">
        <v>92</v>
      </c>
      <c r="J20" s="16"/>
      <c r="K20" s="337" t="s">
        <v>93</v>
      </c>
      <c r="L20" s="338"/>
      <c r="M20" s="338"/>
      <c r="N20" s="338"/>
      <c r="O20" s="338"/>
      <c r="P20" s="338"/>
      <c r="Q20" s="338"/>
      <c r="R20" s="32" t="s">
        <v>94</v>
      </c>
      <c r="S20" s="16"/>
      <c r="T20" s="378" t="s">
        <v>95</v>
      </c>
      <c r="U20" s="379"/>
      <c r="V20" s="379"/>
      <c r="W20" s="379"/>
      <c r="X20" s="379"/>
      <c r="Y20" s="379"/>
      <c r="Z20" s="379"/>
      <c r="AA20" s="379"/>
      <c r="AB20" s="379"/>
      <c r="AC20" s="379"/>
      <c r="AD20" s="379"/>
      <c r="AE20" s="379"/>
      <c r="AF20" s="379"/>
      <c r="AG20" s="379"/>
      <c r="AH20" s="379"/>
      <c r="AI20" s="379"/>
      <c r="AJ20" s="379"/>
      <c r="AK20" s="379"/>
      <c r="AL20" s="379"/>
      <c r="AM20" s="380"/>
      <c r="AN20" s="16"/>
      <c r="AO20" s="16"/>
      <c r="AP20" s="87"/>
    </row>
    <row r="21" spans="1:53" s="5" customFormat="1" ht="20.149999999999999" customHeight="1" x14ac:dyDescent="0.55000000000000004">
      <c r="A21" s="16"/>
      <c r="B21" s="274"/>
      <c r="C21" s="275"/>
      <c r="D21" s="287"/>
      <c r="E21" s="287"/>
      <c r="F21" s="360" t="s">
        <v>13</v>
      </c>
      <c r="G21" s="361"/>
      <c r="H21" s="362"/>
      <c r="I21" s="33" t="s">
        <v>14</v>
      </c>
      <c r="J21" s="34"/>
      <c r="K21" s="363">
        <v>30</v>
      </c>
      <c r="L21" s="364"/>
      <c r="M21" s="364"/>
      <c r="N21" s="35" t="s">
        <v>3</v>
      </c>
      <c r="O21" s="33" t="s">
        <v>15</v>
      </c>
      <c r="P21" s="83"/>
      <c r="Q21" s="36"/>
      <c r="R21" s="365" t="s">
        <v>96</v>
      </c>
      <c r="S21" s="366"/>
      <c r="T21" s="366"/>
      <c r="U21" s="366"/>
      <c r="V21" s="37" t="s">
        <v>16</v>
      </c>
      <c r="W21" s="37"/>
      <c r="X21" s="38"/>
      <c r="Y21" s="37"/>
      <c r="Z21" s="37"/>
      <c r="AA21" s="37"/>
      <c r="AB21" s="37"/>
      <c r="AC21" s="83"/>
      <c r="AD21" s="83"/>
      <c r="AE21" s="83"/>
      <c r="AF21" s="83"/>
      <c r="AG21" s="83"/>
      <c r="AH21" s="83"/>
      <c r="AI21" s="83"/>
      <c r="AJ21" s="83"/>
      <c r="AK21" s="83"/>
      <c r="AL21" s="83"/>
      <c r="AM21" s="39"/>
      <c r="AN21" s="16"/>
      <c r="AO21" s="16"/>
      <c r="AP21" s="87" t="s">
        <v>97</v>
      </c>
    </row>
    <row r="22" spans="1:53" s="5" customFormat="1" ht="20.149999999999999" customHeight="1" thickBot="1" x14ac:dyDescent="0.6">
      <c r="A22" s="16"/>
      <c r="B22" s="276"/>
      <c r="C22" s="277"/>
      <c r="D22" s="288"/>
      <c r="E22" s="288"/>
      <c r="F22" s="40" t="s">
        <v>17</v>
      </c>
      <c r="G22" s="41"/>
      <c r="H22" s="42"/>
      <c r="I22" s="43"/>
      <c r="J22" s="44" t="s">
        <v>18</v>
      </c>
      <c r="K22" s="44"/>
      <c r="L22" s="84"/>
      <c r="M22" s="84"/>
      <c r="N22" s="45"/>
      <c r="O22" s="84"/>
      <c r="P22" s="84"/>
      <c r="Q22" s="45"/>
      <c r="R22" s="84"/>
      <c r="S22" s="84"/>
      <c r="T22" s="84"/>
      <c r="U22" s="84"/>
      <c r="V22" s="46"/>
      <c r="W22" s="46"/>
      <c r="X22" s="46"/>
      <c r="Y22" s="46"/>
      <c r="Z22" s="111"/>
      <c r="AA22" s="46"/>
      <c r="AB22" s="46"/>
      <c r="AC22" s="84"/>
      <c r="AD22" s="84"/>
      <c r="AE22" s="108"/>
      <c r="AF22" s="108"/>
      <c r="AG22" s="108"/>
      <c r="AH22" s="108"/>
      <c r="AI22" s="108"/>
      <c r="AJ22" s="108"/>
      <c r="AK22" s="108"/>
      <c r="AL22" s="108"/>
      <c r="AM22" s="110"/>
      <c r="AN22" s="16"/>
      <c r="AO22" s="16"/>
      <c r="AP22" s="87"/>
    </row>
    <row r="23" spans="1:53" s="5" customFormat="1" ht="3.75" customHeight="1" thickBot="1" x14ac:dyDescent="0.6">
      <c r="A23" s="16"/>
      <c r="B23" s="16"/>
      <c r="C23" s="16"/>
      <c r="D23" s="16"/>
      <c r="E23" s="16"/>
      <c r="F23" s="16"/>
      <c r="G23" s="16"/>
      <c r="H23" s="16"/>
      <c r="I23" s="16"/>
      <c r="J23" s="16"/>
      <c r="K23" s="16"/>
      <c r="L23" s="16"/>
      <c r="M23" s="16"/>
      <c r="N23" s="16"/>
      <c r="O23" s="16"/>
      <c r="P23" s="16"/>
      <c r="Q23" s="16"/>
      <c r="R23" s="16"/>
      <c r="S23" s="16"/>
      <c r="T23" s="16"/>
      <c r="U23" s="16"/>
      <c r="V23" s="16"/>
      <c r="W23" s="16"/>
      <c r="X23" s="16"/>
      <c r="Y23" s="16"/>
      <c r="Z23" s="16"/>
      <c r="AA23" s="16"/>
      <c r="AB23" s="16"/>
      <c r="AC23" s="16"/>
      <c r="AD23" s="16"/>
      <c r="AE23" s="16"/>
      <c r="AF23" s="16"/>
      <c r="AG23" s="16"/>
      <c r="AH23" s="16"/>
      <c r="AI23" s="16"/>
      <c r="AJ23" s="16"/>
      <c r="AK23" s="16"/>
      <c r="AL23" s="16"/>
      <c r="AM23" s="16"/>
      <c r="AN23" s="16"/>
      <c r="AO23" s="16"/>
      <c r="AP23" s="87"/>
    </row>
    <row r="24" spans="1:53" s="5" customFormat="1" ht="20.149999999999999" customHeight="1" x14ac:dyDescent="0.55000000000000004">
      <c r="A24" s="16"/>
      <c r="B24" s="341" t="s">
        <v>58</v>
      </c>
      <c r="C24" s="184"/>
      <c r="D24" s="47" t="s">
        <v>19</v>
      </c>
      <c r="E24" s="48"/>
      <c r="F24" s="49" t="s">
        <v>99</v>
      </c>
      <c r="G24" s="323" t="s">
        <v>100</v>
      </c>
      <c r="H24" s="307"/>
      <c r="I24" s="307"/>
      <c r="J24" s="307"/>
      <c r="K24" s="307"/>
      <c r="L24" s="307"/>
      <c r="M24" s="307"/>
      <c r="N24" s="307"/>
      <c r="O24" s="307"/>
      <c r="P24" s="307"/>
      <c r="Q24" s="307"/>
      <c r="R24" s="307"/>
      <c r="S24" s="307"/>
      <c r="T24" s="307"/>
      <c r="U24" s="307"/>
      <c r="V24" s="307"/>
      <c r="W24" s="307"/>
      <c r="X24" s="307"/>
      <c r="Y24" s="307"/>
      <c r="Z24" s="307"/>
      <c r="AA24" s="307"/>
      <c r="AB24" s="307"/>
      <c r="AC24" s="307"/>
      <c r="AD24" s="324" t="s">
        <v>101</v>
      </c>
      <c r="AE24" s="325"/>
      <c r="AF24" s="325"/>
      <c r="AG24" s="325"/>
      <c r="AH24" s="325"/>
      <c r="AI24" s="325"/>
      <c r="AJ24" s="325"/>
      <c r="AK24" s="325"/>
      <c r="AL24" s="325"/>
      <c r="AM24" s="326"/>
      <c r="AN24" s="16"/>
      <c r="AO24" s="16"/>
      <c r="AP24" s="87" t="s">
        <v>102</v>
      </c>
    </row>
    <row r="25" spans="1:53" s="5" customFormat="1" ht="20.149999999999999" customHeight="1" x14ac:dyDescent="0.55000000000000004">
      <c r="A25" s="16"/>
      <c r="B25" s="185"/>
      <c r="C25" s="186"/>
      <c r="D25" s="50" t="s">
        <v>20</v>
      </c>
      <c r="E25" s="51"/>
      <c r="F25" s="52" t="s">
        <v>103</v>
      </c>
      <c r="G25" s="83" t="s">
        <v>104</v>
      </c>
      <c r="H25" s="83"/>
      <c r="I25" s="83"/>
      <c r="J25" s="327" t="s">
        <v>105</v>
      </c>
      <c r="K25" s="328"/>
      <c r="L25" s="328"/>
      <c r="M25" s="328"/>
      <c r="N25" s="328"/>
      <c r="O25" s="328"/>
      <c r="P25" s="328"/>
      <c r="Q25" s="328"/>
      <c r="R25" s="328"/>
      <c r="S25" s="328"/>
      <c r="T25" s="328"/>
      <c r="U25" s="328"/>
      <c r="V25" s="83" t="s">
        <v>106</v>
      </c>
      <c r="W25" s="83"/>
      <c r="X25" s="83"/>
      <c r="Y25" s="327" t="s">
        <v>107</v>
      </c>
      <c r="Z25" s="328"/>
      <c r="AA25" s="328"/>
      <c r="AB25" s="328"/>
      <c r="AC25" s="328"/>
      <c r="AD25" s="328"/>
      <c r="AE25" s="328"/>
      <c r="AF25" s="328"/>
      <c r="AG25" s="328"/>
      <c r="AH25" s="328"/>
      <c r="AI25" s="328"/>
      <c r="AJ25" s="328"/>
      <c r="AK25" s="328"/>
      <c r="AL25" s="328"/>
      <c r="AM25" s="329"/>
      <c r="AN25" s="16"/>
      <c r="AO25" s="16"/>
      <c r="AP25" s="87"/>
    </row>
    <row r="26" spans="1:53" s="5" customFormat="1" ht="20.149999999999999" customHeight="1" thickBot="1" x14ac:dyDescent="0.6">
      <c r="A26" s="16"/>
      <c r="B26" s="342"/>
      <c r="C26" s="343"/>
      <c r="D26" s="53" t="s">
        <v>21</v>
      </c>
      <c r="E26" s="54"/>
      <c r="F26" s="55" t="s">
        <v>99</v>
      </c>
      <c r="G26" s="56" t="s">
        <v>108</v>
      </c>
      <c r="H26" s="330" t="s">
        <v>109</v>
      </c>
      <c r="I26" s="331"/>
      <c r="J26" s="331"/>
      <c r="K26" s="331"/>
      <c r="L26" s="331"/>
      <c r="M26" s="331"/>
      <c r="N26" s="331"/>
      <c r="O26" s="331"/>
      <c r="P26" s="331"/>
      <c r="Q26" s="331"/>
      <c r="R26" s="331"/>
      <c r="S26" s="331"/>
      <c r="T26" s="331"/>
      <c r="U26" s="331"/>
      <c r="V26" s="331"/>
      <c r="W26" s="331"/>
      <c r="X26" s="331"/>
      <c r="Y26" s="331"/>
      <c r="Z26" s="331"/>
      <c r="AA26" s="331"/>
      <c r="AB26" s="331"/>
      <c r="AC26" s="331"/>
      <c r="AD26" s="331"/>
      <c r="AE26" s="331"/>
      <c r="AF26" s="331"/>
      <c r="AG26" s="331"/>
      <c r="AH26" s="331"/>
      <c r="AI26" s="331"/>
      <c r="AJ26" s="331"/>
      <c r="AK26" s="331"/>
      <c r="AL26" s="331"/>
      <c r="AM26" s="332"/>
      <c r="AN26" s="16"/>
      <c r="AO26" s="16"/>
      <c r="AP26" s="87"/>
    </row>
    <row r="27" spans="1:53" s="5" customFormat="1" ht="20.149999999999999" customHeight="1" x14ac:dyDescent="0.55000000000000004">
      <c r="A27" s="16"/>
      <c r="B27" s="341" t="s">
        <v>22</v>
      </c>
      <c r="C27" s="184"/>
      <c r="D27" s="47" t="s">
        <v>19</v>
      </c>
      <c r="E27" s="48"/>
      <c r="F27" s="49" t="s">
        <v>103</v>
      </c>
      <c r="G27" s="323" t="s">
        <v>110</v>
      </c>
      <c r="H27" s="307"/>
      <c r="I27" s="307"/>
      <c r="J27" s="307"/>
      <c r="K27" s="307"/>
      <c r="L27" s="307"/>
      <c r="M27" s="307"/>
      <c r="N27" s="307"/>
      <c r="O27" s="307"/>
      <c r="P27" s="307"/>
      <c r="Q27" s="307"/>
      <c r="R27" s="307"/>
      <c r="S27" s="307"/>
      <c r="T27" s="307"/>
      <c r="U27" s="307"/>
      <c r="V27" s="307"/>
      <c r="W27" s="307"/>
      <c r="X27" s="307"/>
      <c r="Y27" s="307"/>
      <c r="Z27" s="307"/>
      <c r="AA27" s="307"/>
      <c r="AB27" s="307"/>
      <c r="AC27" s="307"/>
      <c r="AD27" s="335" t="s">
        <v>67</v>
      </c>
      <c r="AE27" s="334"/>
      <c r="AF27" s="334"/>
      <c r="AG27" s="334"/>
      <c r="AH27" s="334"/>
      <c r="AI27" s="334"/>
      <c r="AJ27" s="334"/>
      <c r="AK27" s="334"/>
      <c r="AL27" s="334"/>
      <c r="AM27" s="336"/>
      <c r="AN27" s="16"/>
      <c r="AO27" s="16"/>
      <c r="AP27" s="87" t="s">
        <v>111</v>
      </c>
      <c r="AR27" s="78"/>
    </row>
    <row r="28" spans="1:53" s="5" customFormat="1" ht="20.149999999999999" customHeight="1" x14ac:dyDescent="0.55000000000000004">
      <c r="A28" s="16"/>
      <c r="B28" s="185"/>
      <c r="C28" s="186"/>
      <c r="D28" s="50" t="s">
        <v>20</v>
      </c>
      <c r="E28" s="51"/>
      <c r="F28" s="52" t="s">
        <v>98</v>
      </c>
      <c r="G28" s="83" t="s">
        <v>112</v>
      </c>
      <c r="H28" s="83"/>
      <c r="I28" s="83"/>
      <c r="J28" s="337"/>
      <c r="K28" s="338"/>
      <c r="L28" s="338"/>
      <c r="M28" s="338"/>
      <c r="N28" s="338"/>
      <c r="O28" s="338"/>
      <c r="P28" s="338"/>
      <c r="Q28" s="338"/>
      <c r="R28" s="338"/>
      <c r="S28" s="338"/>
      <c r="T28" s="338"/>
      <c r="U28" s="338"/>
      <c r="V28" s="83" t="s">
        <v>106</v>
      </c>
      <c r="W28" s="83"/>
      <c r="X28" s="83"/>
      <c r="Y28" s="337"/>
      <c r="Z28" s="338"/>
      <c r="AA28" s="338"/>
      <c r="AB28" s="338"/>
      <c r="AC28" s="338"/>
      <c r="AD28" s="338"/>
      <c r="AE28" s="338"/>
      <c r="AF28" s="338"/>
      <c r="AG28" s="338"/>
      <c r="AH28" s="338"/>
      <c r="AI28" s="338"/>
      <c r="AJ28" s="338"/>
      <c r="AK28" s="338"/>
      <c r="AL28" s="338"/>
      <c r="AM28" s="339"/>
      <c r="AN28" s="16"/>
      <c r="AO28" s="16"/>
      <c r="AP28" s="87"/>
      <c r="AY28" s="2"/>
    </row>
    <row r="29" spans="1:53" s="5" customFormat="1" ht="20.149999999999999" customHeight="1" thickBot="1" x14ac:dyDescent="0.6">
      <c r="A29" s="16"/>
      <c r="B29" s="187"/>
      <c r="C29" s="188"/>
      <c r="D29" s="53" t="s">
        <v>21</v>
      </c>
      <c r="E29" s="54"/>
      <c r="F29" s="55" t="s">
        <v>103</v>
      </c>
      <c r="G29" s="56" t="s">
        <v>108</v>
      </c>
      <c r="H29" s="340"/>
      <c r="I29" s="121"/>
      <c r="J29" s="121"/>
      <c r="K29" s="121"/>
      <c r="L29" s="121"/>
      <c r="M29" s="121"/>
      <c r="N29" s="121"/>
      <c r="O29" s="121"/>
      <c r="P29" s="121"/>
      <c r="Q29" s="121"/>
      <c r="R29" s="121"/>
      <c r="S29" s="121"/>
      <c r="T29" s="121"/>
      <c r="U29" s="121"/>
      <c r="V29" s="121"/>
      <c r="W29" s="121"/>
      <c r="X29" s="121"/>
      <c r="Y29" s="121"/>
      <c r="Z29" s="121"/>
      <c r="AA29" s="121"/>
      <c r="AB29" s="121"/>
      <c r="AC29" s="121"/>
      <c r="AD29" s="121"/>
      <c r="AE29" s="121"/>
      <c r="AF29" s="121"/>
      <c r="AG29" s="121"/>
      <c r="AH29" s="121"/>
      <c r="AI29" s="121"/>
      <c r="AJ29" s="121"/>
      <c r="AK29" s="121"/>
      <c r="AL29" s="121"/>
      <c r="AM29" s="322"/>
      <c r="AN29" s="16"/>
      <c r="AO29" s="16"/>
      <c r="AP29" s="87"/>
    </row>
    <row r="30" spans="1:53" s="5" customFormat="1" ht="20.149999999999999" customHeight="1" x14ac:dyDescent="0.55000000000000004">
      <c r="A30" s="16"/>
      <c r="B30" s="183" t="s">
        <v>48</v>
      </c>
      <c r="C30" s="184"/>
      <c r="D30" s="47" t="s">
        <v>19</v>
      </c>
      <c r="E30" s="48"/>
      <c r="F30" s="49" t="s">
        <v>103</v>
      </c>
      <c r="G30" s="333"/>
      <c r="H30" s="334"/>
      <c r="I30" s="334"/>
      <c r="J30" s="334"/>
      <c r="K30" s="334"/>
      <c r="L30" s="334"/>
      <c r="M30" s="334"/>
      <c r="N30" s="334"/>
      <c r="O30" s="334"/>
      <c r="P30" s="334"/>
      <c r="Q30" s="334"/>
      <c r="R30" s="334"/>
      <c r="S30" s="334"/>
      <c r="T30" s="334"/>
      <c r="U30" s="334"/>
      <c r="V30" s="334"/>
      <c r="W30" s="334"/>
      <c r="X30" s="334"/>
      <c r="Y30" s="334"/>
      <c r="Z30" s="334"/>
      <c r="AA30" s="334"/>
      <c r="AB30" s="335" t="s">
        <v>113</v>
      </c>
      <c r="AC30" s="334"/>
      <c r="AD30" s="334"/>
      <c r="AE30" s="334"/>
      <c r="AF30" s="334"/>
      <c r="AG30" s="334"/>
      <c r="AH30" s="334"/>
      <c r="AI30" s="334"/>
      <c r="AJ30" s="334"/>
      <c r="AK30" s="334"/>
      <c r="AL30" s="334"/>
      <c r="AM30" s="336"/>
      <c r="AN30" s="16"/>
      <c r="AO30" s="16"/>
      <c r="AP30" s="87" t="s">
        <v>114</v>
      </c>
    </row>
    <row r="31" spans="1:53" s="5" customFormat="1" ht="20.149999999999999" customHeight="1" x14ac:dyDescent="0.55000000000000004">
      <c r="A31" s="16"/>
      <c r="B31" s="185"/>
      <c r="C31" s="186"/>
      <c r="D31" s="50" t="s">
        <v>20</v>
      </c>
      <c r="E31" s="51"/>
      <c r="F31" s="52" t="s">
        <v>103</v>
      </c>
      <c r="G31" s="83" t="s">
        <v>104</v>
      </c>
      <c r="H31" s="83"/>
      <c r="I31" s="83"/>
      <c r="J31" s="337"/>
      <c r="K31" s="338"/>
      <c r="L31" s="338"/>
      <c r="M31" s="338"/>
      <c r="N31" s="338"/>
      <c r="O31" s="338"/>
      <c r="P31" s="338"/>
      <c r="Q31" s="338"/>
      <c r="R31" s="338"/>
      <c r="S31" s="338"/>
      <c r="T31" s="338"/>
      <c r="U31" s="338"/>
      <c r="V31" s="83" t="s">
        <v>106</v>
      </c>
      <c r="W31" s="83"/>
      <c r="X31" s="83"/>
      <c r="Y31" s="337"/>
      <c r="Z31" s="338"/>
      <c r="AA31" s="338"/>
      <c r="AB31" s="338"/>
      <c r="AC31" s="338"/>
      <c r="AD31" s="338"/>
      <c r="AE31" s="338"/>
      <c r="AF31" s="338"/>
      <c r="AG31" s="338"/>
      <c r="AH31" s="338"/>
      <c r="AI31" s="338"/>
      <c r="AJ31" s="338"/>
      <c r="AK31" s="338"/>
      <c r="AL31" s="338"/>
      <c r="AM31" s="339"/>
      <c r="AN31" s="16"/>
      <c r="AO31" s="16"/>
      <c r="AP31" s="87" t="s">
        <v>115</v>
      </c>
    </row>
    <row r="32" spans="1:53" s="5" customFormat="1" ht="20.149999999999999" customHeight="1" thickBot="1" x14ac:dyDescent="0.6">
      <c r="A32" s="16"/>
      <c r="B32" s="187"/>
      <c r="C32" s="188"/>
      <c r="D32" s="53" t="s">
        <v>21</v>
      </c>
      <c r="E32" s="54"/>
      <c r="F32" s="55" t="s">
        <v>98</v>
      </c>
      <c r="G32" s="56" t="s">
        <v>85</v>
      </c>
      <c r="H32" s="340"/>
      <c r="I32" s="121"/>
      <c r="J32" s="121"/>
      <c r="K32" s="121"/>
      <c r="L32" s="121"/>
      <c r="M32" s="121"/>
      <c r="N32" s="121"/>
      <c r="O32" s="121"/>
      <c r="P32" s="121"/>
      <c r="Q32" s="121"/>
      <c r="R32" s="121"/>
      <c r="S32" s="121"/>
      <c r="T32" s="121"/>
      <c r="U32" s="121"/>
      <c r="V32" s="121"/>
      <c r="W32" s="121"/>
      <c r="X32" s="121"/>
      <c r="Y32" s="121"/>
      <c r="Z32" s="121"/>
      <c r="AA32" s="121"/>
      <c r="AB32" s="121"/>
      <c r="AC32" s="121"/>
      <c r="AD32" s="121"/>
      <c r="AE32" s="121"/>
      <c r="AF32" s="121"/>
      <c r="AG32" s="121"/>
      <c r="AH32" s="121"/>
      <c r="AI32" s="121"/>
      <c r="AJ32" s="121"/>
      <c r="AK32" s="121"/>
      <c r="AL32" s="121"/>
      <c r="AM32" s="322"/>
      <c r="AN32" s="16"/>
      <c r="AO32" s="16"/>
      <c r="AP32" s="87"/>
    </row>
    <row r="33" spans="1:43" s="5" customFormat="1" ht="20.149999999999999" customHeight="1" x14ac:dyDescent="0.55000000000000004">
      <c r="A33" s="16"/>
      <c r="B33" s="189" t="s">
        <v>59</v>
      </c>
      <c r="C33" s="190"/>
      <c r="D33" s="50" t="s">
        <v>19</v>
      </c>
      <c r="E33" s="51"/>
      <c r="F33" s="49" t="s">
        <v>103</v>
      </c>
      <c r="G33" s="323" t="s">
        <v>100</v>
      </c>
      <c r="H33" s="307"/>
      <c r="I33" s="307"/>
      <c r="J33" s="307"/>
      <c r="K33" s="307"/>
      <c r="L33" s="307"/>
      <c r="M33" s="307"/>
      <c r="N33" s="307"/>
      <c r="O33" s="307"/>
      <c r="P33" s="307"/>
      <c r="Q33" s="307"/>
      <c r="R33" s="307"/>
      <c r="S33" s="307"/>
      <c r="T33" s="307"/>
      <c r="U33" s="307"/>
      <c r="V33" s="307"/>
      <c r="W33" s="307"/>
      <c r="X33" s="307"/>
      <c r="Y33" s="307"/>
      <c r="Z33" s="307"/>
      <c r="AA33" s="307"/>
      <c r="AB33" s="307"/>
      <c r="AC33" s="307"/>
      <c r="AD33" s="324" t="s">
        <v>101</v>
      </c>
      <c r="AE33" s="325"/>
      <c r="AF33" s="325"/>
      <c r="AG33" s="325"/>
      <c r="AH33" s="325"/>
      <c r="AI33" s="325"/>
      <c r="AJ33" s="325"/>
      <c r="AK33" s="325"/>
      <c r="AL33" s="325"/>
      <c r="AM33" s="326"/>
      <c r="AN33" s="16"/>
      <c r="AO33" s="16"/>
      <c r="AP33" s="87" t="s">
        <v>116</v>
      </c>
    </row>
    <row r="34" spans="1:43" s="5" customFormat="1" ht="20.149999999999999" customHeight="1" x14ac:dyDescent="0.55000000000000004">
      <c r="A34" s="16"/>
      <c r="B34" s="189"/>
      <c r="C34" s="190"/>
      <c r="D34" s="50" t="s">
        <v>20</v>
      </c>
      <c r="E34" s="51"/>
      <c r="F34" s="52" t="s">
        <v>98</v>
      </c>
      <c r="G34" s="83" t="s">
        <v>104</v>
      </c>
      <c r="H34" s="83"/>
      <c r="I34" s="83"/>
      <c r="J34" s="327" t="s">
        <v>117</v>
      </c>
      <c r="K34" s="328"/>
      <c r="L34" s="328"/>
      <c r="M34" s="328"/>
      <c r="N34" s="328"/>
      <c r="O34" s="328"/>
      <c r="P34" s="328"/>
      <c r="Q34" s="328"/>
      <c r="R34" s="328"/>
      <c r="S34" s="328"/>
      <c r="T34" s="328"/>
      <c r="U34" s="328"/>
      <c r="V34" s="83" t="s">
        <v>118</v>
      </c>
      <c r="W34" s="83"/>
      <c r="X34" s="83"/>
      <c r="Y34" s="327" t="s">
        <v>119</v>
      </c>
      <c r="Z34" s="328"/>
      <c r="AA34" s="328"/>
      <c r="AB34" s="328"/>
      <c r="AC34" s="328"/>
      <c r="AD34" s="328"/>
      <c r="AE34" s="328"/>
      <c r="AF34" s="328"/>
      <c r="AG34" s="328"/>
      <c r="AH34" s="328"/>
      <c r="AI34" s="328"/>
      <c r="AJ34" s="328"/>
      <c r="AK34" s="328"/>
      <c r="AL34" s="328"/>
      <c r="AM34" s="329"/>
      <c r="AN34" s="16"/>
      <c r="AO34" s="16"/>
      <c r="AP34" s="87"/>
    </row>
    <row r="35" spans="1:43" s="5" customFormat="1" ht="20.149999999999999" customHeight="1" thickBot="1" x14ac:dyDescent="0.6">
      <c r="A35" s="16"/>
      <c r="B35" s="191"/>
      <c r="C35" s="192"/>
      <c r="D35" s="53" t="s">
        <v>21</v>
      </c>
      <c r="E35" s="54"/>
      <c r="F35" s="55" t="s">
        <v>103</v>
      </c>
      <c r="G35" s="56" t="s">
        <v>108</v>
      </c>
      <c r="H35" s="330" t="s">
        <v>109</v>
      </c>
      <c r="I35" s="331"/>
      <c r="J35" s="331"/>
      <c r="K35" s="331"/>
      <c r="L35" s="331"/>
      <c r="M35" s="331"/>
      <c r="N35" s="331"/>
      <c r="O35" s="331"/>
      <c r="P35" s="331"/>
      <c r="Q35" s="331"/>
      <c r="R35" s="331"/>
      <c r="S35" s="331"/>
      <c r="T35" s="331"/>
      <c r="U35" s="331"/>
      <c r="V35" s="331"/>
      <c r="W35" s="331"/>
      <c r="X35" s="331"/>
      <c r="Y35" s="331"/>
      <c r="Z35" s="331"/>
      <c r="AA35" s="331"/>
      <c r="AB35" s="331"/>
      <c r="AC35" s="331"/>
      <c r="AD35" s="331"/>
      <c r="AE35" s="331"/>
      <c r="AF35" s="331"/>
      <c r="AG35" s="331"/>
      <c r="AH35" s="331"/>
      <c r="AI35" s="331"/>
      <c r="AJ35" s="331"/>
      <c r="AK35" s="331"/>
      <c r="AL35" s="331"/>
      <c r="AM35" s="332"/>
      <c r="AN35" s="16"/>
      <c r="AO35" s="16"/>
      <c r="AP35" s="87"/>
    </row>
    <row r="36" spans="1:43" s="5" customFormat="1" ht="4.5" customHeight="1" thickBot="1" x14ac:dyDescent="0.6">
      <c r="A36" s="16"/>
      <c r="B36" s="16"/>
      <c r="C36" s="19"/>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6"/>
      <c r="AO36" s="16"/>
      <c r="AP36" s="87"/>
    </row>
    <row r="37" spans="1:43" s="5" customFormat="1" ht="23.25" customHeight="1" x14ac:dyDescent="0.55000000000000004">
      <c r="A37" s="16"/>
      <c r="B37" s="193" t="s">
        <v>23</v>
      </c>
      <c r="C37" s="194"/>
      <c r="D37" s="194"/>
      <c r="E37" s="195"/>
      <c r="F37" s="49" t="s">
        <v>49</v>
      </c>
      <c r="G37" s="58"/>
      <c r="H37" s="58"/>
      <c r="I37" s="59"/>
      <c r="J37" s="306" t="s">
        <v>120</v>
      </c>
      <c r="K37" s="307"/>
      <c r="L37" s="307"/>
      <c r="M37" s="307"/>
      <c r="N37" s="307"/>
      <c r="O37" s="307"/>
      <c r="P37" s="307"/>
      <c r="Q37" s="307"/>
      <c r="R37" s="307"/>
      <c r="S37" s="307"/>
      <c r="T37" s="307"/>
      <c r="U37" s="308"/>
      <c r="V37" s="60" t="s">
        <v>103</v>
      </c>
      <c r="W37" s="58" t="s">
        <v>121</v>
      </c>
      <c r="X37" s="58"/>
      <c r="Y37" s="58"/>
      <c r="Z37" s="59"/>
      <c r="AA37" s="306" t="s">
        <v>122</v>
      </c>
      <c r="AB37" s="307"/>
      <c r="AC37" s="307"/>
      <c r="AD37" s="307"/>
      <c r="AE37" s="307"/>
      <c r="AF37" s="307"/>
      <c r="AG37" s="307"/>
      <c r="AH37" s="307"/>
      <c r="AI37" s="307"/>
      <c r="AJ37" s="307"/>
      <c r="AK37" s="307"/>
      <c r="AL37" s="307"/>
      <c r="AM37" s="309"/>
      <c r="AN37" s="16"/>
      <c r="AO37" s="16"/>
      <c r="AP37" s="87" t="s">
        <v>123</v>
      </c>
    </row>
    <row r="38" spans="1:43" s="5" customFormat="1" ht="18.75" customHeight="1" x14ac:dyDescent="0.55000000000000004">
      <c r="A38" s="16"/>
      <c r="B38" s="310" t="s">
        <v>60</v>
      </c>
      <c r="C38" s="311"/>
      <c r="D38" s="314"/>
      <c r="E38" s="315"/>
      <c r="F38" s="315"/>
      <c r="G38" s="315"/>
      <c r="H38" s="315"/>
      <c r="I38" s="315"/>
      <c r="J38" s="316"/>
      <c r="K38" s="314"/>
      <c r="L38" s="315"/>
      <c r="M38" s="315"/>
      <c r="N38" s="315"/>
      <c r="O38" s="315"/>
      <c r="P38" s="315"/>
      <c r="Q38" s="315"/>
      <c r="R38" s="316"/>
      <c r="S38" s="314"/>
      <c r="T38" s="315"/>
      <c r="U38" s="315"/>
      <c r="V38" s="315"/>
      <c r="W38" s="315"/>
      <c r="X38" s="315"/>
      <c r="Y38" s="316"/>
      <c r="Z38" s="314"/>
      <c r="AA38" s="315"/>
      <c r="AB38" s="315"/>
      <c r="AC38" s="315"/>
      <c r="AD38" s="315"/>
      <c r="AE38" s="315"/>
      <c r="AF38" s="316"/>
      <c r="AG38" s="314"/>
      <c r="AH38" s="315"/>
      <c r="AI38" s="315"/>
      <c r="AJ38" s="315"/>
      <c r="AK38" s="315"/>
      <c r="AL38" s="315"/>
      <c r="AM38" s="317"/>
      <c r="AN38" s="16"/>
      <c r="AO38" s="16"/>
      <c r="AP38" s="87" t="s">
        <v>124</v>
      </c>
    </row>
    <row r="39" spans="1:43" s="5" customFormat="1" ht="18.75" customHeight="1" thickBot="1" x14ac:dyDescent="0.6">
      <c r="A39" s="16"/>
      <c r="B39" s="312"/>
      <c r="C39" s="313"/>
      <c r="D39" s="318"/>
      <c r="E39" s="121"/>
      <c r="F39" s="121"/>
      <c r="G39" s="121"/>
      <c r="H39" s="121"/>
      <c r="I39" s="319" t="s">
        <v>52</v>
      </c>
      <c r="J39" s="121"/>
      <c r="K39" s="121"/>
      <c r="L39" s="121"/>
      <c r="M39" s="121"/>
      <c r="N39" s="121"/>
      <c r="O39" s="121"/>
      <c r="P39" s="121"/>
      <c r="Q39" s="121"/>
      <c r="R39" s="121"/>
      <c r="S39" s="121"/>
      <c r="T39" s="121"/>
      <c r="U39" s="320"/>
      <c r="V39" s="318"/>
      <c r="W39" s="121"/>
      <c r="X39" s="121"/>
      <c r="Y39" s="121"/>
      <c r="Z39" s="321" t="s">
        <v>125</v>
      </c>
      <c r="AA39" s="121"/>
      <c r="AB39" s="121"/>
      <c r="AC39" s="121"/>
      <c r="AD39" s="121"/>
      <c r="AE39" s="121"/>
      <c r="AF39" s="121"/>
      <c r="AG39" s="121"/>
      <c r="AH39" s="121"/>
      <c r="AI39" s="121"/>
      <c r="AJ39" s="121"/>
      <c r="AK39" s="121"/>
      <c r="AL39" s="121"/>
      <c r="AM39" s="322"/>
      <c r="AN39" s="16"/>
      <c r="AO39" s="16"/>
      <c r="AP39" s="87"/>
    </row>
    <row r="40" spans="1:43" s="5" customFormat="1" ht="11.25" customHeight="1" thickBot="1" x14ac:dyDescent="0.6">
      <c r="A40" s="16"/>
      <c r="B40" s="16"/>
      <c r="C40" s="16"/>
      <c r="D40" s="16"/>
      <c r="E40" s="16"/>
      <c r="F40" s="16"/>
      <c r="G40" s="16"/>
      <c r="H40" s="16"/>
      <c r="I40" s="16"/>
      <c r="J40" s="16"/>
      <c r="K40" s="16"/>
      <c r="L40" s="16"/>
      <c r="M40" s="16"/>
      <c r="N40" s="16"/>
      <c r="O40" s="16"/>
      <c r="P40" s="16"/>
      <c r="Q40" s="16"/>
      <c r="R40" s="16"/>
      <c r="S40" s="16"/>
      <c r="T40" s="16"/>
      <c r="U40" s="16"/>
      <c r="V40" s="16"/>
      <c r="W40" s="16"/>
      <c r="X40" s="16"/>
      <c r="Y40" s="16"/>
      <c r="Z40" s="16"/>
      <c r="AA40" s="16"/>
      <c r="AB40" s="16"/>
      <c r="AC40" s="16"/>
      <c r="AD40" s="16"/>
      <c r="AE40" s="16"/>
      <c r="AF40" s="16"/>
      <c r="AG40" s="16"/>
      <c r="AH40" s="16"/>
      <c r="AI40" s="16"/>
      <c r="AJ40" s="16"/>
      <c r="AK40" s="16"/>
      <c r="AL40" s="16"/>
      <c r="AM40" s="16"/>
      <c r="AN40" s="16"/>
      <c r="AO40" s="16"/>
      <c r="AP40" s="87"/>
    </row>
    <row r="41" spans="1:43" s="5" customFormat="1" ht="20.149999999999999" customHeight="1" x14ac:dyDescent="0.55000000000000004">
      <c r="A41" s="16"/>
      <c r="B41" s="304" t="s">
        <v>61</v>
      </c>
      <c r="C41" s="305"/>
      <c r="D41" s="19" t="s">
        <v>24</v>
      </c>
      <c r="E41" s="19"/>
      <c r="F41" s="19"/>
      <c r="G41" s="19"/>
      <c r="H41" s="19"/>
      <c r="I41" s="19"/>
      <c r="J41" s="19"/>
      <c r="K41" s="19"/>
      <c r="L41" s="19"/>
      <c r="M41" s="19"/>
      <c r="N41" s="19"/>
      <c r="O41" s="19"/>
      <c r="P41" s="19"/>
      <c r="Q41" s="19"/>
      <c r="R41" s="19"/>
      <c r="S41" s="19"/>
      <c r="T41" s="19"/>
      <c r="U41" s="19"/>
      <c r="V41" s="19"/>
      <c r="W41" s="19"/>
      <c r="X41" s="19"/>
      <c r="Y41" s="19"/>
      <c r="Z41" s="19"/>
      <c r="AA41" s="19"/>
      <c r="AB41" s="19"/>
      <c r="AC41" s="19"/>
      <c r="AD41" s="19"/>
      <c r="AE41" s="19"/>
      <c r="AF41" s="19"/>
      <c r="AG41" s="19"/>
      <c r="AH41" s="19"/>
      <c r="AI41" s="19"/>
      <c r="AJ41" s="19"/>
      <c r="AK41" s="19"/>
      <c r="AL41" s="19"/>
      <c r="AM41" s="20"/>
      <c r="AN41" s="16"/>
      <c r="AO41" s="16"/>
      <c r="AP41" s="87" t="s">
        <v>126</v>
      </c>
    </row>
    <row r="42" spans="1:43" s="5" customFormat="1" ht="12" customHeight="1" x14ac:dyDescent="0.55000000000000004">
      <c r="A42" s="16"/>
      <c r="B42" s="205"/>
      <c r="C42" s="206"/>
      <c r="D42" s="16"/>
      <c r="E42" s="16"/>
      <c r="F42" s="16"/>
      <c r="G42" s="16"/>
      <c r="H42" s="16"/>
      <c r="I42" s="16"/>
      <c r="J42" s="16"/>
      <c r="K42" s="16"/>
      <c r="L42" s="16"/>
      <c r="M42" s="16"/>
      <c r="N42" s="16"/>
      <c r="O42" s="16"/>
      <c r="P42" s="16"/>
      <c r="Q42" s="16"/>
      <c r="R42" s="16"/>
      <c r="S42" s="16"/>
      <c r="T42" s="16"/>
      <c r="U42" s="16"/>
      <c r="V42" s="16"/>
      <c r="W42" s="16"/>
      <c r="X42" s="16"/>
      <c r="Y42" s="16"/>
      <c r="Z42" s="16"/>
      <c r="AA42" s="16"/>
      <c r="AB42" s="16"/>
      <c r="AC42" s="16"/>
      <c r="AD42" s="16"/>
      <c r="AE42" s="16"/>
      <c r="AF42" s="16"/>
      <c r="AG42" s="16"/>
      <c r="AH42" s="16"/>
      <c r="AI42" s="16"/>
      <c r="AJ42" s="16"/>
      <c r="AK42" s="16"/>
      <c r="AL42" s="16"/>
      <c r="AM42" s="29"/>
      <c r="AN42" s="16"/>
      <c r="AO42" s="16"/>
      <c r="AP42" s="87"/>
    </row>
    <row r="43" spans="1:43" s="5" customFormat="1" ht="17.25" customHeight="1" x14ac:dyDescent="0.55000000000000004">
      <c r="A43" s="16"/>
      <c r="B43" s="205"/>
      <c r="C43" s="206"/>
      <c r="D43" s="16"/>
      <c r="E43" s="16"/>
      <c r="F43" s="16"/>
      <c r="G43" s="16"/>
      <c r="H43" s="16"/>
      <c r="I43" s="16"/>
      <c r="J43" s="16"/>
      <c r="K43" s="16"/>
      <c r="L43" s="16"/>
      <c r="M43" s="16"/>
      <c r="N43" s="16"/>
      <c r="O43" s="16"/>
      <c r="P43" s="16"/>
      <c r="Q43" s="16"/>
      <c r="R43" s="16"/>
      <c r="S43" s="16"/>
      <c r="T43" s="16"/>
      <c r="U43" s="16"/>
      <c r="V43" s="16"/>
      <c r="W43" s="16"/>
      <c r="X43" s="16"/>
      <c r="Y43" s="16"/>
      <c r="Z43" s="16"/>
      <c r="AA43" s="16"/>
      <c r="AB43" s="16"/>
      <c r="AC43" s="16"/>
      <c r="AD43" s="16"/>
      <c r="AE43" s="16"/>
      <c r="AF43" s="16"/>
      <c r="AG43" s="16"/>
      <c r="AH43" s="16"/>
      <c r="AI43" s="16"/>
      <c r="AJ43" s="16"/>
      <c r="AK43" s="16"/>
      <c r="AL43" s="16"/>
      <c r="AM43" s="29"/>
      <c r="AN43" s="16"/>
      <c r="AO43" s="16"/>
      <c r="AP43" s="87"/>
    </row>
    <row r="44" spans="1:43" s="5" customFormat="1" ht="19.5" customHeight="1" x14ac:dyDescent="0.55000000000000004">
      <c r="A44" s="16"/>
      <c r="B44" s="205"/>
      <c r="C44" s="206"/>
      <c r="D44" s="16"/>
      <c r="E44" s="16"/>
      <c r="F44" s="16"/>
      <c r="G44" s="16"/>
      <c r="H44" s="16"/>
      <c r="I44" s="16"/>
      <c r="J44" s="16"/>
      <c r="K44" s="16"/>
      <c r="L44" s="16"/>
      <c r="M44" s="16"/>
      <c r="N44" s="16"/>
      <c r="O44" s="16"/>
      <c r="P44" s="16"/>
      <c r="Q44" s="16"/>
      <c r="R44" s="16"/>
      <c r="S44" s="16"/>
      <c r="T44" s="16"/>
      <c r="U44" s="16"/>
      <c r="V44" s="16"/>
      <c r="W44" s="16"/>
      <c r="X44" s="16"/>
      <c r="Y44" s="16"/>
      <c r="Z44" s="16"/>
      <c r="AA44" s="16"/>
      <c r="AB44" s="16"/>
      <c r="AC44" s="16"/>
      <c r="AD44" s="16"/>
      <c r="AE44" s="16"/>
      <c r="AF44" s="16"/>
      <c r="AG44" s="16"/>
      <c r="AH44" s="16"/>
      <c r="AI44" s="16"/>
      <c r="AJ44" s="16"/>
      <c r="AK44" s="16"/>
      <c r="AL44" s="16"/>
      <c r="AM44" s="29"/>
      <c r="AN44" s="16"/>
      <c r="AO44" s="16"/>
      <c r="AP44" s="87"/>
    </row>
    <row r="45" spans="1:43" s="5" customFormat="1" ht="12.75" customHeight="1" x14ac:dyDescent="0.55000000000000004">
      <c r="A45" s="16"/>
      <c r="B45" s="205"/>
      <c r="C45" s="206"/>
      <c r="D45" s="16"/>
      <c r="E45" s="16"/>
      <c r="F45" s="16"/>
      <c r="G45" s="16"/>
      <c r="H45" s="16"/>
      <c r="I45" s="16"/>
      <c r="J45" s="16"/>
      <c r="K45" s="16"/>
      <c r="L45" s="16"/>
      <c r="M45" s="16"/>
      <c r="N45" s="16"/>
      <c r="O45" s="16"/>
      <c r="P45" s="16"/>
      <c r="Q45" s="16"/>
      <c r="R45" s="16"/>
      <c r="S45" s="16"/>
      <c r="T45" s="16"/>
      <c r="U45" s="16"/>
      <c r="V45" s="16"/>
      <c r="W45" s="16"/>
      <c r="X45" s="16"/>
      <c r="Y45" s="16"/>
      <c r="Z45" s="16"/>
      <c r="AA45" s="16"/>
      <c r="AB45" s="16"/>
      <c r="AC45" s="16"/>
      <c r="AD45" s="16"/>
      <c r="AE45" s="16"/>
      <c r="AF45" s="16"/>
      <c r="AG45" s="16"/>
      <c r="AH45" s="16"/>
      <c r="AI45" s="16"/>
      <c r="AJ45" s="16"/>
      <c r="AK45" s="16"/>
      <c r="AL45" s="16"/>
      <c r="AM45" s="29"/>
      <c r="AN45" s="16"/>
      <c r="AO45" s="16"/>
      <c r="AP45" s="87"/>
    </row>
    <row r="46" spans="1:43" s="5" customFormat="1" ht="15" customHeight="1" x14ac:dyDescent="0.55000000000000004">
      <c r="A46" s="16"/>
      <c r="B46" s="203" t="s">
        <v>50</v>
      </c>
      <c r="C46" s="204"/>
      <c r="D46" s="61" t="s">
        <v>127</v>
      </c>
      <c r="E46" s="25" t="s">
        <v>51</v>
      </c>
      <c r="F46" s="62"/>
      <c r="G46" s="62"/>
      <c r="H46" s="62"/>
      <c r="I46" s="62"/>
      <c r="J46" s="62"/>
      <c r="K46" s="62"/>
      <c r="L46" s="62"/>
      <c r="M46" s="62"/>
      <c r="N46" s="62"/>
      <c r="O46" s="62"/>
      <c r="P46" s="62"/>
      <c r="Q46" s="62"/>
      <c r="R46" s="62"/>
      <c r="S46" s="62"/>
      <c r="T46" s="62"/>
      <c r="U46" s="62"/>
      <c r="V46" s="62"/>
      <c r="W46" s="62"/>
      <c r="X46" s="62"/>
      <c r="Y46" s="25"/>
      <c r="Z46" s="25"/>
      <c r="AA46" s="25"/>
      <c r="AB46" s="25"/>
      <c r="AC46" s="25"/>
      <c r="AD46" s="25"/>
      <c r="AE46" s="25"/>
      <c r="AF46" s="25"/>
      <c r="AG46" s="25"/>
      <c r="AH46" s="25"/>
      <c r="AI46" s="25"/>
      <c r="AJ46" s="25"/>
      <c r="AK46" s="63"/>
      <c r="AL46" s="63"/>
      <c r="AM46" s="64"/>
      <c r="AN46" s="16"/>
      <c r="AO46" s="16"/>
      <c r="AP46" s="87" t="s">
        <v>128</v>
      </c>
      <c r="AQ46" s="7"/>
    </row>
    <row r="47" spans="1:43" s="5" customFormat="1" ht="15" customHeight="1" x14ac:dyDescent="0.55000000000000004">
      <c r="A47" s="16"/>
      <c r="B47" s="205"/>
      <c r="C47" s="206"/>
      <c r="D47" s="65"/>
      <c r="E47" s="16"/>
      <c r="F47" s="16"/>
      <c r="G47" s="66"/>
      <c r="H47" s="66"/>
      <c r="I47" s="66"/>
      <c r="J47" s="66"/>
      <c r="K47" s="66"/>
      <c r="L47" s="66"/>
      <c r="M47" s="66"/>
      <c r="N47" s="66"/>
      <c r="O47" s="66"/>
      <c r="P47" s="66"/>
      <c r="Q47" s="66"/>
      <c r="R47" s="66"/>
      <c r="S47" s="66"/>
      <c r="T47" s="66"/>
      <c r="U47" s="66"/>
      <c r="V47" s="66"/>
      <c r="W47" s="66"/>
      <c r="X47" s="66"/>
      <c r="Y47" s="16"/>
      <c r="Z47" s="16"/>
      <c r="AA47" s="16"/>
      <c r="AB47" s="16"/>
      <c r="AC47" s="16"/>
      <c r="AD47" s="16"/>
      <c r="AE47" s="16"/>
      <c r="AF47" s="16"/>
      <c r="AG47" s="16"/>
      <c r="AH47" s="16"/>
      <c r="AI47" s="16"/>
      <c r="AJ47" s="16"/>
      <c r="AK47" s="67"/>
      <c r="AL47" s="67"/>
      <c r="AM47" s="29"/>
      <c r="AN47" s="16"/>
      <c r="AO47" s="16"/>
      <c r="AP47" s="87"/>
      <c r="AQ47" s="7"/>
    </row>
    <row r="48" spans="1:43" s="5" customFormat="1" ht="15" customHeight="1" x14ac:dyDescent="0.55000000000000004">
      <c r="A48" s="16"/>
      <c r="B48" s="205"/>
      <c r="C48" s="206"/>
      <c r="D48" s="65"/>
      <c r="E48" s="68" t="s">
        <v>26</v>
      </c>
      <c r="F48" s="69"/>
      <c r="G48" s="66"/>
      <c r="H48" s="66"/>
      <c r="I48" s="66"/>
      <c r="J48" s="66"/>
      <c r="K48" s="66"/>
      <c r="L48" s="66"/>
      <c r="M48" s="66"/>
      <c r="N48" s="66"/>
      <c r="O48" s="66"/>
      <c r="P48" s="66"/>
      <c r="Q48" s="66"/>
      <c r="R48" s="66"/>
      <c r="S48" s="66"/>
      <c r="T48" s="66"/>
      <c r="U48" s="66"/>
      <c r="V48" s="66"/>
      <c r="W48" s="66"/>
      <c r="X48" s="66"/>
      <c r="Y48" s="16"/>
      <c r="Z48" s="16"/>
      <c r="AA48" s="16"/>
      <c r="AB48" s="16"/>
      <c r="AC48" s="16"/>
      <c r="AD48" s="16"/>
      <c r="AE48" s="16"/>
      <c r="AF48" s="16"/>
      <c r="AG48" s="16"/>
      <c r="AH48" s="16"/>
      <c r="AI48" s="16"/>
      <c r="AJ48" s="16"/>
      <c r="AK48" s="67"/>
      <c r="AL48" s="67"/>
      <c r="AM48" s="29"/>
      <c r="AN48" s="16"/>
      <c r="AO48" s="16"/>
      <c r="AP48" s="87"/>
      <c r="AQ48" s="7"/>
    </row>
    <row r="49" spans="1:42" s="5" customFormat="1" ht="15" customHeight="1" x14ac:dyDescent="0.55000000000000004">
      <c r="A49" s="16"/>
      <c r="B49" s="205"/>
      <c r="C49" s="206"/>
      <c r="D49" s="65"/>
      <c r="E49" s="16"/>
      <c r="F49" s="16"/>
      <c r="G49" s="16"/>
      <c r="H49" s="16"/>
      <c r="I49" s="16"/>
      <c r="J49" s="16"/>
      <c r="K49" s="16"/>
      <c r="L49" s="16"/>
      <c r="M49" s="16"/>
      <c r="N49" s="16"/>
      <c r="O49" s="16"/>
      <c r="P49" s="16"/>
      <c r="Q49" s="16"/>
      <c r="R49" s="16"/>
      <c r="S49" s="16"/>
      <c r="T49" s="16"/>
      <c r="U49" s="16"/>
      <c r="V49" s="16"/>
      <c r="W49" s="16"/>
      <c r="X49" s="16"/>
      <c r="Y49" s="16"/>
      <c r="Z49" s="16"/>
      <c r="AA49" s="16"/>
      <c r="AB49" s="16"/>
      <c r="AC49" s="16"/>
      <c r="AD49" s="16"/>
      <c r="AE49" s="16"/>
      <c r="AF49" s="16"/>
      <c r="AG49" s="16"/>
      <c r="AH49" s="16"/>
      <c r="AI49" s="16"/>
      <c r="AJ49" s="16"/>
      <c r="AK49" s="16"/>
      <c r="AL49" s="16"/>
      <c r="AM49" s="29"/>
      <c r="AN49" s="16"/>
      <c r="AO49" s="16"/>
      <c r="AP49" s="87"/>
    </row>
    <row r="50" spans="1:42" s="5" customFormat="1" ht="15" customHeight="1" x14ac:dyDescent="0.55000000000000004">
      <c r="A50" s="16"/>
      <c r="B50" s="205"/>
      <c r="C50" s="206"/>
      <c r="D50" s="65" t="s">
        <v>129</v>
      </c>
      <c r="E50" s="16"/>
      <c r="F50" s="16"/>
      <c r="G50" s="16"/>
      <c r="H50" s="16"/>
      <c r="I50" s="16"/>
      <c r="J50" s="16"/>
      <c r="K50" s="16"/>
      <c r="L50" s="16"/>
      <c r="M50" s="16"/>
      <c r="N50" s="16"/>
      <c r="O50" s="16"/>
      <c r="P50" s="16"/>
      <c r="Q50" s="16"/>
      <c r="R50" s="16"/>
      <c r="S50" s="16"/>
      <c r="T50" s="16"/>
      <c r="U50" s="16"/>
      <c r="V50" s="16"/>
      <c r="W50" s="16"/>
      <c r="X50" s="16"/>
      <c r="Y50" s="16"/>
      <c r="Z50" s="16"/>
      <c r="AA50" s="16"/>
      <c r="AB50" s="16"/>
      <c r="AC50" s="16"/>
      <c r="AD50" s="16"/>
      <c r="AE50" s="16"/>
      <c r="AF50" s="16"/>
      <c r="AG50" s="16"/>
      <c r="AH50" s="16"/>
      <c r="AI50" s="16"/>
      <c r="AJ50" s="16"/>
      <c r="AK50" s="16"/>
      <c r="AL50" s="16"/>
      <c r="AM50" s="29"/>
      <c r="AN50" s="16"/>
      <c r="AO50" s="16"/>
      <c r="AP50" s="87" t="s">
        <v>130</v>
      </c>
    </row>
    <row r="51" spans="1:42" s="5" customFormat="1" ht="23.25" customHeight="1" thickBot="1" x14ac:dyDescent="0.6">
      <c r="A51" s="16"/>
      <c r="B51" s="207"/>
      <c r="C51" s="208"/>
      <c r="D51" s="70" t="s">
        <v>131</v>
      </c>
      <c r="E51" s="56" t="s">
        <v>29</v>
      </c>
      <c r="F51" s="56"/>
      <c r="G51" s="56"/>
      <c r="H51" s="56"/>
      <c r="I51" s="56"/>
      <c r="J51" s="56"/>
      <c r="K51" s="56"/>
      <c r="L51" s="56"/>
      <c r="M51" s="56"/>
      <c r="N51" s="56"/>
      <c r="O51" s="56"/>
      <c r="P51" s="56"/>
      <c r="Q51" s="56"/>
      <c r="R51" s="56"/>
      <c r="S51" s="56"/>
      <c r="T51" s="56"/>
      <c r="U51" s="56"/>
      <c r="V51" s="56"/>
      <c r="W51" s="56"/>
      <c r="X51" s="56"/>
      <c r="Y51" s="56"/>
      <c r="Z51" s="56"/>
      <c r="AA51" s="56"/>
      <c r="AB51" s="56"/>
      <c r="AC51" s="56"/>
      <c r="AD51" s="56"/>
      <c r="AE51" s="56"/>
      <c r="AF51" s="56"/>
      <c r="AG51" s="56"/>
      <c r="AH51" s="56"/>
      <c r="AI51" s="56"/>
      <c r="AJ51" s="56"/>
      <c r="AK51" s="56"/>
      <c r="AL51" s="56"/>
      <c r="AM51" s="57"/>
      <c r="AN51" s="16"/>
      <c r="AO51" s="16"/>
      <c r="AP51" s="87"/>
    </row>
    <row r="52" spans="1:42" s="5" customFormat="1" ht="22" customHeight="1" x14ac:dyDescent="0.55000000000000004">
      <c r="A52" s="16"/>
      <c r="B52" s="16"/>
      <c r="C52" s="16"/>
      <c r="D52" s="16"/>
      <c r="E52" s="16"/>
      <c r="F52" s="16"/>
      <c r="G52" s="16"/>
      <c r="H52" s="16"/>
      <c r="I52" s="16"/>
      <c r="J52" s="16"/>
      <c r="K52" s="16"/>
      <c r="L52" s="16"/>
      <c r="M52" s="16"/>
      <c r="N52" s="16"/>
      <c r="O52" s="16"/>
      <c r="P52" s="16"/>
      <c r="Q52" s="16"/>
      <c r="R52" s="16"/>
      <c r="S52" s="16"/>
      <c r="T52" s="16"/>
      <c r="U52" s="16"/>
      <c r="V52" s="16"/>
      <c r="W52" s="16"/>
      <c r="X52" s="16"/>
      <c r="Y52" s="16"/>
      <c r="Z52" s="16"/>
      <c r="AA52" s="16"/>
      <c r="AB52" s="16"/>
      <c r="AC52" s="16"/>
      <c r="AD52" s="16"/>
      <c r="AE52" s="16"/>
      <c r="AF52" s="16"/>
      <c r="AG52" s="16"/>
      <c r="AH52" s="16"/>
      <c r="AI52" s="16"/>
      <c r="AJ52" s="16"/>
      <c r="AK52" s="16"/>
      <c r="AL52" s="16"/>
      <c r="AM52" s="16"/>
      <c r="AN52" s="16"/>
      <c r="AO52" s="16"/>
      <c r="AP52" s="87"/>
    </row>
    <row r="53" spans="1:42" s="5" customFormat="1" ht="24.75" customHeight="1" x14ac:dyDescent="0.55000000000000004">
      <c r="A53" s="16"/>
      <c r="B53" s="16"/>
      <c r="C53" s="16"/>
      <c r="D53" s="16"/>
      <c r="E53" s="16"/>
      <c r="F53" s="16"/>
      <c r="G53" s="16"/>
      <c r="H53" s="16"/>
      <c r="I53" s="16"/>
      <c r="J53" s="16"/>
      <c r="K53" s="16"/>
      <c r="L53" s="16"/>
      <c r="M53" s="16"/>
      <c r="N53" s="16"/>
      <c r="O53" s="16"/>
      <c r="P53" s="16"/>
      <c r="Q53" s="16"/>
      <c r="R53" s="16"/>
      <c r="S53" s="16"/>
      <c r="T53" s="16"/>
      <c r="U53" s="16"/>
      <c r="V53" s="16"/>
      <c r="W53" s="16"/>
      <c r="X53" s="16"/>
      <c r="Y53" s="16"/>
      <c r="Z53" s="16"/>
      <c r="AA53" s="16"/>
      <c r="AB53" s="16"/>
      <c r="AC53" s="16"/>
      <c r="AD53" s="16"/>
      <c r="AE53" s="16"/>
      <c r="AF53" s="16"/>
      <c r="AG53" s="16"/>
      <c r="AH53" s="16"/>
      <c r="AI53" s="16"/>
      <c r="AJ53" s="16"/>
      <c r="AK53" s="16"/>
      <c r="AL53" s="16"/>
      <c r="AM53" s="16"/>
      <c r="AN53" s="16"/>
      <c r="AO53" s="16"/>
      <c r="AP53" s="87"/>
    </row>
    <row r="54" spans="1:42" s="5" customFormat="1" ht="9.75" customHeight="1" x14ac:dyDescent="0.55000000000000004">
      <c r="A54" s="16"/>
      <c r="B54" s="16"/>
      <c r="C54" s="16"/>
      <c r="D54" s="16"/>
      <c r="E54" s="16"/>
      <c r="F54" s="16"/>
      <c r="G54" s="16"/>
      <c r="H54" s="16"/>
      <c r="I54" s="16"/>
      <c r="J54" s="16"/>
      <c r="K54" s="16"/>
      <c r="L54" s="16"/>
      <c r="M54" s="16"/>
      <c r="N54" s="16"/>
      <c r="O54" s="16"/>
      <c r="P54" s="16"/>
      <c r="Q54" s="16"/>
      <c r="R54" s="16"/>
      <c r="S54" s="16"/>
      <c r="T54" s="16"/>
      <c r="U54" s="16"/>
      <c r="V54" s="16"/>
      <c r="W54" s="16"/>
      <c r="X54" s="16"/>
      <c r="Y54" s="16"/>
      <c r="Z54" s="16"/>
      <c r="AA54" s="16"/>
      <c r="AB54" s="16"/>
      <c r="AC54" s="16"/>
      <c r="AD54" s="16"/>
      <c r="AE54" s="16"/>
      <c r="AF54" s="16"/>
      <c r="AG54" s="16"/>
      <c r="AH54" s="16"/>
      <c r="AI54" s="16"/>
      <c r="AJ54" s="16"/>
      <c r="AK54" s="16"/>
      <c r="AL54" s="16"/>
      <c r="AM54" s="16"/>
      <c r="AN54" s="16"/>
      <c r="AO54" s="16"/>
      <c r="AP54" s="87"/>
    </row>
    <row r="55" spans="1:42" s="5" customFormat="1" ht="6.75" customHeight="1" x14ac:dyDescent="0.55000000000000004">
      <c r="A55" s="16"/>
      <c r="B55" s="16"/>
      <c r="C55" s="16"/>
      <c r="D55" s="16"/>
      <c r="E55" s="16"/>
      <c r="F55" s="16"/>
      <c r="G55" s="16"/>
      <c r="H55" s="16"/>
      <c r="I55" s="16"/>
      <c r="J55" s="16"/>
      <c r="K55" s="16"/>
      <c r="L55" s="16"/>
      <c r="M55" s="16"/>
      <c r="N55" s="16"/>
      <c r="O55" s="16"/>
      <c r="P55" s="16"/>
      <c r="Q55" s="16"/>
      <c r="R55" s="16"/>
      <c r="S55" s="16"/>
      <c r="T55" s="16"/>
      <c r="U55" s="16"/>
      <c r="V55" s="16"/>
      <c r="W55" s="16"/>
      <c r="X55" s="16"/>
      <c r="Y55" s="16"/>
      <c r="Z55" s="16"/>
      <c r="AA55" s="16"/>
      <c r="AB55" s="16"/>
      <c r="AC55" s="16"/>
      <c r="AD55" s="16"/>
      <c r="AE55" s="16"/>
      <c r="AF55" s="16"/>
      <c r="AG55" s="16"/>
      <c r="AH55" s="16"/>
      <c r="AI55" s="16"/>
      <c r="AJ55" s="16"/>
      <c r="AK55" s="16"/>
      <c r="AL55" s="16"/>
      <c r="AM55" s="16"/>
      <c r="AN55" s="16"/>
      <c r="AO55" s="16"/>
      <c r="AP55" s="87"/>
    </row>
    <row r="56" spans="1:42" s="5" customFormat="1" ht="6.75" customHeight="1" x14ac:dyDescent="0.55000000000000004">
      <c r="A56" s="16"/>
      <c r="B56" s="16"/>
      <c r="C56" s="16"/>
      <c r="D56" s="16"/>
      <c r="E56" s="16"/>
      <c r="F56" s="16"/>
      <c r="G56" s="16"/>
      <c r="H56" s="16"/>
      <c r="I56" s="16"/>
      <c r="J56" s="16"/>
      <c r="K56" s="16"/>
      <c r="L56" s="16"/>
      <c r="M56" s="16"/>
      <c r="N56" s="16"/>
      <c r="O56" s="16"/>
      <c r="P56" s="16"/>
      <c r="Q56" s="16"/>
      <c r="R56" s="16"/>
      <c r="S56" s="16"/>
      <c r="T56" s="16"/>
      <c r="U56" s="16"/>
      <c r="V56" s="16"/>
      <c r="W56" s="16"/>
      <c r="X56" s="10"/>
      <c r="Y56" s="16"/>
      <c r="Z56" s="16"/>
      <c r="AA56" s="16"/>
      <c r="AB56" s="16"/>
      <c r="AC56" s="16"/>
      <c r="AD56" s="16"/>
      <c r="AE56" s="16"/>
      <c r="AF56" s="16"/>
      <c r="AG56" s="16"/>
      <c r="AH56" s="16"/>
      <c r="AI56" s="16"/>
      <c r="AJ56" s="16"/>
      <c r="AK56" s="16"/>
      <c r="AL56" s="16"/>
      <c r="AM56" s="16"/>
      <c r="AN56" s="16"/>
      <c r="AO56" s="16"/>
      <c r="AP56" s="87"/>
    </row>
    <row r="57" spans="1:42" ht="15" customHeight="1" x14ac:dyDescent="0.55000000000000004">
      <c r="A57" s="10"/>
      <c r="B57" s="10"/>
      <c r="C57" s="10"/>
      <c r="D57" s="10"/>
      <c r="E57" s="10"/>
      <c r="F57" s="10"/>
      <c r="G57" s="10"/>
      <c r="H57" s="10"/>
      <c r="I57" s="10"/>
      <c r="J57" s="10"/>
      <c r="K57" s="10"/>
      <c r="L57" s="10"/>
      <c r="M57" s="10"/>
      <c r="N57" s="10"/>
      <c r="O57" s="10"/>
      <c r="P57" s="10"/>
      <c r="Q57" s="10"/>
      <c r="R57" s="10"/>
      <c r="S57" s="10"/>
      <c r="T57" s="10"/>
      <c r="U57" s="10"/>
      <c r="V57" s="10"/>
      <c r="W57" s="10"/>
      <c r="X57" s="10"/>
      <c r="Y57" s="10"/>
      <c r="Z57" s="10"/>
      <c r="AA57" s="10"/>
      <c r="AB57" s="10"/>
      <c r="AC57" s="10"/>
      <c r="AD57" s="10"/>
      <c r="AE57" s="10"/>
      <c r="AF57" s="10"/>
      <c r="AG57" s="10"/>
      <c r="AH57" s="10"/>
      <c r="AI57" s="10"/>
      <c r="AJ57" s="10"/>
      <c r="AK57" s="10"/>
      <c r="AL57" s="10"/>
      <c r="AM57" s="10"/>
      <c r="AN57" s="10"/>
      <c r="AO57" s="10"/>
    </row>
    <row r="58" spans="1:42" ht="0.75" hidden="1" customHeight="1" x14ac:dyDescent="0.55000000000000004"/>
  </sheetData>
  <sheetProtection algorithmName="SHA-512" hashValue="6qlnr38Wr0mjOmJxNlriuSi6oTGu8OUIhpkankjzOnIUi0AQgwzgw7dZaleMGysu8fvurNfN6VNH6CL6NBEa/Q==" saltValue="Bq2tcn2zVP/cC5ozY5Zecw==" spinCount="100000" sheet="1" objects="1" scenarios="1"/>
  <mergeCells count="83">
    <mergeCell ref="Z1:AD1"/>
    <mergeCell ref="AF1:AH1"/>
    <mergeCell ref="AJ1:AL1"/>
    <mergeCell ref="P3:Q8"/>
    <mergeCell ref="U3:AM3"/>
    <mergeCell ref="U4:AM4"/>
    <mergeCell ref="U5:AM5"/>
    <mergeCell ref="X6:AM6"/>
    <mergeCell ref="X7:AM7"/>
    <mergeCell ref="T8:AB8"/>
    <mergeCell ref="AG13:AM13"/>
    <mergeCell ref="AE8:AM8"/>
    <mergeCell ref="B12:F12"/>
    <mergeCell ref="G12:I12"/>
    <mergeCell ref="K12:L12"/>
    <mergeCell ref="N12:O12"/>
    <mergeCell ref="U12:AA12"/>
    <mergeCell ref="B13:F13"/>
    <mergeCell ref="G13:K13"/>
    <mergeCell ref="L13:R13"/>
    <mergeCell ref="S13:Y13"/>
    <mergeCell ref="Z13:AF13"/>
    <mergeCell ref="AB12:AM12"/>
    <mergeCell ref="B15:C22"/>
    <mergeCell ref="D15:E15"/>
    <mergeCell ref="F15:H15"/>
    <mergeCell ref="I15:O15"/>
    <mergeCell ref="Q15:R15"/>
    <mergeCell ref="K20:Q20"/>
    <mergeCell ref="F21:H21"/>
    <mergeCell ref="K21:M21"/>
    <mergeCell ref="R21:U21"/>
    <mergeCell ref="T15:U15"/>
    <mergeCell ref="D16:E22"/>
    <mergeCell ref="F16:H20"/>
    <mergeCell ref="L16:M16"/>
    <mergeCell ref="O16:S16"/>
    <mergeCell ref="T20:AM20"/>
    <mergeCell ref="V16:Z16"/>
    <mergeCell ref="AE16:AH16"/>
    <mergeCell ref="AI16:AM16"/>
    <mergeCell ref="L18:AM18"/>
    <mergeCell ref="K19:X19"/>
    <mergeCell ref="AC19:AM19"/>
    <mergeCell ref="H26:AM26"/>
    <mergeCell ref="B27:C29"/>
    <mergeCell ref="G27:AC27"/>
    <mergeCell ref="AD27:AM27"/>
    <mergeCell ref="J28:U28"/>
    <mergeCell ref="Y28:AM28"/>
    <mergeCell ref="H29:AM29"/>
    <mergeCell ref="B24:C26"/>
    <mergeCell ref="G24:AC24"/>
    <mergeCell ref="AD24:AM24"/>
    <mergeCell ref="J25:U25"/>
    <mergeCell ref="Y25:AM25"/>
    <mergeCell ref="B30:C32"/>
    <mergeCell ref="G30:AA30"/>
    <mergeCell ref="AB30:AM30"/>
    <mergeCell ref="J31:U31"/>
    <mergeCell ref="Y31:AM31"/>
    <mergeCell ref="H32:AM32"/>
    <mergeCell ref="B33:C35"/>
    <mergeCell ref="G33:AC33"/>
    <mergeCell ref="AD33:AM33"/>
    <mergeCell ref="J34:U34"/>
    <mergeCell ref="Y34:AM34"/>
    <mergeCell ref="H35:AM35"/>
    <mergeCell ref="B41:C45"/>
    <mergeCell ref="B46:C51"/>
    <mergeCell ref="B37:E37"/>
    <mergeCell ref="J37:U37"/>
    <mergeCell ref="AA37:AM37"/>
    <mergeCell ref="B38:C39"/>
    <mergeCell ref="D38:J38"/>
    <mergeCell ref="K38:R38"/>
    <mergeCell ref="S38:Y38"/>
    <mergeCell ref="Z38:AF38"/>
    <mergeCell ref="AG38:AM38"/>
    <mergeCell ref="D39:H39"/>
    <mergeCell ref="I39:U39"/>
    <mergeCell ref="V39:Y39"/>
    <mergeCell ref="Z39:AM39"/>
  </mergeCells>
  <phoneticPr fontId="2"/>
  <pageMargins left="0.7" right="0.7" top="0.75" bottom="0.75" header="0.3" footer="0.3"/>
  <drawing r:id="rId1"/>
  <legacyDrawing r:id="rId2"/>
  <mc:AlternateContent xmlns:mc="http://schemas.openxmlformats.org/markup-compatibility/2006">
    <mc:Choice Requires="x14">
      <controls>
        <mc:AlternateContent xmlns:mc="http://schemas.openxmlformats.org/markup-compatibility/2006">
          <mc:Choice Requires="x14">
            <control shapeId="2049" r:id="rId3" name="Option Button 1">
              <controlPr defaultSize="0" autoFill="0" autoLine="0" autoPict="0">
                <anchor moveWithCells="1">
                  <from>
                    <xdr:col>6</xdr:col>
                    <xdr:colOff>133350</xdr:colOff>
                    <xdr:row>12</xdr:row>
                    <xdr:rowOff>0</xdr:rowOff>
                  </from>
                  <to>
                    <xdr:col>10</xdr:col>
                    <xdr:colOff>133350</xdr:colOff>
                    <xdr:row>13</xdr:row>
                    <xdr:rowOff>0</xdr:rowOff>
                  </to>
                </anchor>
              </controlPr>
            </control>
          </mc:Choice>
        </mc:AlternateContent>
        <mc:AlternateContent xmlns:mc="http://schemas.openxmlformats.org/markup-compatibility/2006">
          <mc:Choice Requires="x14">
            <control shapeId="2050" r:id="rId4" name="Option Button 2">
              <controlPr defaultSize="0" autoFill="0" autoLine="0" autoPict="0">
                <anchor moveWithCells="1">
                  <from>
                    <xdr:col>11</xdr:col>
                    <xdr:colOff>114300</xdr:colOff>
                    <xdr:row>12</xdr:row>
                    <xdr:rowOff>0</xdr:rowOff>
                  </from>
                  <to>
                    <xdr:col>17</xdr:col>
                    <xdr:colOff>88900</xdr:colOff>
                    <xdr:row>13</xdr:row>
                    <xdr:rowOff>0</xdr:rowOff>
                  </to>
                </anchor>
              </controlPr>
            </control>
          </mc:Choice>
        </mc:AlternateContent>
        <mc:AlternateContent xmlns:mc="http://schemas.openxmlformats.org/markup-compatibility/2006">
          <mc:Choice Requires="x14">
            <control shapeId="2051" r:id="rId5" name="Option Button 3">
              <controlPr defaultSize="0" autoFill="0" autoLine="0" autoPict="0">
                <anchor moveWithCells="1">
                  <from>
                    <xdr:col>18</xdr:col>
                    <xdr:colOff>95250</xdr:colOff>
                    <xdr:row>12</xdr:row>
                    <xdr:rowOff>0</xdr:rowOff>
                  </from>
                  <to>
                    <xdr:col>24</xdr:col>
                    <xdr:colOff>107950</xdr:colOff>
                    <xdr:row>13</xdr:row>
                    <xdr:rowOff>0</xdr:rowOff>
                  </to>
                </anchor>
              </controlPr>
            </control>
          </mc:Choice>
        </mc:AlternateContent>
        <mc:AlternateContent xmlns:mc="http://schemas.openxmlformats.org/markup-compatibility/2006">
          <mc:Choice Requires="x14">
            <control shapeId="2052" r:id="rId6" name="Option Button 4">
              <controlPr defaultSize="0" autoFill="0" autoLine="0" autoPict="0">
                <anchor moveWithCells="1">
                  <from>
                    <xdr:col>25</xdr:col>
                    <xdr:colOff>69850</xdr:colOff>
                    <xdr:row>12</xdr:row>
                    <xdr:rowOff>0</xdr:rowOff>
                  </from>
                  <to>
                    <xdr:col>31</xdr:col>
                    <xdr:colOff>107950</xdr:colOff>
                    <xdr:row>13</xdr:row>
                    <xdr:rowOff>0</xdr:rowOff>
                  </to>
                </anchor>
              </controlPr>
            </control>
          </mc:Choice>
        </mc:AlternateContent>
        <mc:AlternateContent xmlns:mc="http://schemas.openxmlformats.org/markup-compatibility/2006">
          <mc:Choice Requires="x14">
            <control shapeId="2053" r:id="rId7" name="Option Button 5">
              <controlPr defaultSize="0" autoFill="0" autoLine="0" autoPict="0">
                <anchor moveWithCells="1">
                  <from>
                    <xdr:col>32</xdr:col>
                    <xdr:colOff>146050</xdr:colOff>
                    <xdr:row>12</xdr:row>
                    <xdr:rowOff>12700</xdr:rowOff>
                  </from>
                  <to>
                    <xdr:col>38</xdr:col>
                    <xdr:colOff>190500</xdr:colOff>
                    <xdr:row>13</xdr:row>
                    <xdr:rowOff>12700</xdr:rowOff>
                  </to>
                </anchor>
              </controlPr>
            </control>
          </mc:Choice>
        </mc:AlternateContent>
        <mc:AlternateContent xmlns:mc="http://schemas.openxmlformats.org/markup-compatibility/2006">
          <mc:Choice Requires="x14">
            <control shapeId="2054" r:id="rId8" name="Option Button 6">
              <controlPr defaultSize="0" autoFill="0" autoLine="0" autoPict="0">
                <anchor moveWithCells="1">
                  <from>
                    <xdr:col>20</xdr:col>
                    <xdr:colOff>0</xdr:colOff>
                    <xdr:row>9</xdr:row>
                    <xdr:rowOff>12700</xdr:rowOff>
                  </from>
                  <to>
                    <xdr:col>24</xdr:col>
                    <xdr:colOff>0</xdr:colOff>
                    <xdr:row>11</xdr:row>
                    <xdr:rowOff>0</xdr:rowOff>
                  </to>
                </anchor>
              </controlPr>
            </control>
          </mc:Choice>
        </mc:AlternateContent>
        <mc:AlternateContent xmlns:mc="http://schemas.openxmlformats.org/markup-compatibility/2006">
          <mc:Choice Requires="x14">
            <control shapeId="2055" r:id="rId9" name="Option Button 7">
              <controlPr defaultSize="0" autoFill="0" autoLine="0" autoPict="0">
                <anchor moveWithCells="1">
                  <from>
                    <xdr:col>21</xdr:col>
                    <xdr:colOff>184150</xdr:colOff>
                    <xdr:row>9</xdr:row>
                    <xdr:rowOff>12700</xdr:rowOff>
                  </from>
                  <to>
                    <xdr:col>25</xdr:col>
                    <xdr:colOff>184150</xdr:colOff>
                    <xdr:row>11</xdr:row>
                    <xdr:rowOff>0</xdr:rowOff>
                  </to>
                </anchor>
              </controlPr>
            </control>
          </mc:Choice>
        </mc:AlternateContent>
        <mc:AlternateContent xmlns:mc="http://schemas.openxmlformats.org/markup-compatibility/2006">
          <mc:Choice Requires="x14">
            <control shapeId="2056" r:id="rId10" name="Group Box 8">
              <controlPr defaultSize="0" print="0" autoFill="0" autoPict="0" altText="グループ19_x000a_">
                <anchor moveWithCells="1">
                  <from>
                    <xdr:col>16</xdr:col>
                    <xdr:colOff>114300</xdr:colOff>
                    <xdr:row>7</xdr:row>
                    <xdr:rowOff>590550</xdr:rowOff>
                  </from>
                  <to>
                    <xdr:col>28</xdr:col>
                    <xdr:colOff>76200</xdr:colOff>
                    <xdr:row>9</xdr:row>
                    <xdr:rowOff>107950</xdr:rowOff>
                  </to>
                </anchor>
              </controlPr>
            </control>
          </mc:Choice>
        </mc:AlternateContent>
        <mc:AlternateContent xmlns:mc="http://schemas.openxmlformats.org/markup-compatibility/2006">
          <mc:Choice Requires="x14">
            <control shapeId="2057" r:id="rId11" name="Group Box 9">
              <controlPr defaultSize="0" autoFill="0" autoPict="0">
                <anchor moveWithCells="1">
                  <from>
                    <xdr:col>5</xdr:col>
                    <xdr:colOff>31750</xdr:colOff>
                    <xdr:row>11</xdr:row>
                    <xdr:rowOff>203200</xdr:rowOff>
                  </from>
                  <to>
                    <xdr:col>40</xdr:col>
                    <xdr:colOff>12700</xdr:colOff>
                    <xdr:row>13</xdr:row>
                    <xdr:rowOff>127000</xdr:rowOff>
                  </to>
                </anchor>
              </controlPr>
            </control>
          </mc:Choice>
        </mc:AlternateContent>
        <mc:AlternateContent xmlns:mc="http://schemas.openxmlformats.org/markup-compatibility/2006">
          <mc:Choice Requires="x14">
            <control shapeId="2058" r:id="rId12" name="Check Box 10">
              <controlPr defaultSize="0" autoFill="0" autoLine="0" autoPict="0">
                <anchor moveWithCells="1">
                  <from>
                    <xdr:col>3</xdr:col>
                    <xdr:colOff>31750</xdr:colOff>
                    <xdr:row>36</xdr:row>
                    <xdr:rowOff>285750</xdr:rowOff>
                  </from>
                  <to>
                    <xdr:col>8</xdr:col>
                    <xdr:colOff>152400</xdr:colOff>
                    <xdr:row>38</xdr:row>
                    <xdr:rowOff>0</xdr:rowOff>
                  </to>
                </anchor>
              </controlPr>
            </control>
          </mc:Choice>
        </mc:AlternateContent>
        <mc:AlternateContent xmlns:mc="http://schemas.openxmlformats.org/markup-compatibility/2006">
          <mc:Choice Requires="x14">
            <control shapeId="2059" r:id="rId13" name="Check Box 11">
              <controlPr defaultSize="0" autoFill="0" autoLine="0" autoPict="0">
                <anchor moveWithCells="1">
                  <from>
                    <xdr:col>11</xdr:col>
                    <xdr:colOff>127000</xdr:colOff>
                    <xdr:row>36</xdr:row>
                    <xdr:rowOff>285750</xdr:rowOff>
                  </from>
                  <to>
                    <xdr:col>15</xdr:col>
                    <xdr:colOff>12700</xdr:colOff>
                    <xdr:row>38</xdr:row>
                    <xdr:rowOff>0</xdr:rowOff>
                  </to>
                </anchor>
              </controlPr>
            </control>
          </mc:Choice>
        </mc:AlternateContent>
        <mc:AlternateContent xmlns:mc="http://schemas.openxmlformats.org/markup-compatibility/2006">
          <mc:Choice Requires="x14">
            <control shapeId="2060" r:id="rId14" name="Check Box 12">
              <controlPr defaultSize="0" autoFill="0" autoLine="0" autoPict="0">
                <anchor moveWithCells="1">
                  <from>
                    <xdr:col>19</xdr:col>
                    <xdr:colOff>57150</xdr:colOff>
                    <xdr:row>37</xdr:row>
                    <xdr:rowOff>0</xdr:rowOff>
                  </from>
                  <to>
                    <xdr:col>22</xdr:col>
                    <xdr:colOff>146050</xdr:colOff>
                    <xdr:row>38</xdr:row>
                    <xdr:rowOff>0</xdr:rowOff>
                  </to>
                </anchor>
              </controlPr>
            </control>
          </mc:Choice>
        </mc:AlternateContent>
        <mc:AlternateContent xmlns:mc="http://schemas.openxmlformats.org/markup-compatibility/2006">
          <mc:Choice Requires="x14">
            <control shapeId="2061" r:id="rId15" name="Check Box 13">
              <controlPr defaultSize="0" autoFill="0" autoLine="0" autoPict="0">
                <anchor moveWithCells="1">
                  <from>
                    <xdr:col>26</xdr:col>
                    <xdr:colOff>57150</xdr:colOff>
                    <xdr:row>37</xdr:row>
                    <xdr:rowOff>0</xdr:rowOff>
                  </from>
                  <to>
                    <xdr:col>29</xdr:col>
                    <xdr:colOff>146050</xdr:colOff>
                    <xdr:row>38</xdr:row>
                    <xdr:rowOff>0</xdr:rowOff>
                  </to>
                </anchor>
              </controlPr>
            </control>
          </mc:Choice>
        </mc:AlternateContent>
        <mc:AlternateContent xmlns:mc="http://schemas.openxmlformats.org/markup-compatibility/2006">
          <mc:Choice Requires="x14">
            <control shapeId="2062" r:id="rId16" name="Check Box 14">
              <controlPr defaultSize="0" autoFill="0" autoLine="0" autoPict="0">
                <anchor moveWithCells="1">
                  <from>
                    <xdr:col>34</xdr:col>
                    <xdr:colOff>0</xdr:colOff>
                    <xdr:row>37</xdr:row>
                    <xdr:rowOff>0</xdr:rowOff>
                  </from>
                  <to>
                    <xdr:col>37</xdr:col>
                    <xdr:colOff>88900</xdr:colOff>
                    <xdr:row>38</xdr:row>
                    <xdr:rowOff>0</xdr:rowOff>
                  </to>
                </anchor>
              </controlPr>
            </control>
          </mc:Choice>
        </mc:AlternateContent>
        <mc:AlternateContent xmlns:mc="http://schemas.openxmlformats.org/markup-compatibility/2006">
          <mc:Choice Requires="x14">
            <control shapeId="2063" r:id="rId17" name="Check Box 15">
              <controlPr defaultSize="0" autoFill="0" autoLine="0" autoPict="0">
                <anchor moveWithCells="1">
                  <from>
                    <xdr:col>3</xdr:col>
                    <xdr:colOff>38100</xdr:colOff>
                    <xdr:row>37</xdr:row>
                    <xdr:rowOff>228600</xdr:rowOff>
                  </from>
                  <to>
                    <xdr:col>9</xdr:col>
                    <xdr:colOff>57150</xdr:colOff>
                    <xdr:row>38</xdr:row>
                    <xdr:rowOff>228600</xdr:rowOff>
                  </to>
                </anchor>
              </controlPr>
            </control>
          </mc:Choice>
        </mc:AlternateContent>
        <mc:AlternateContent xmlns:mc="http://schemas.openxmlformats.org/markup-compatibility/2006">
          <mc:Choice Requires="x14">
            <control shapeId="2064" r:id="rId18" name="Check Box 16">
              <controlPr defaultSize="0" autoFill="0" autoLine="0" autoPict="0">
                <anchor moveWithCells="1">
                  <from>
                    <xdr:col>21</xdr:col>
                    <xdr:colOff>31750</xdr:colOff>
                    <xdr:row>38</xdr:row>
                    <xdr:rowOff>0</xdr:rowOff>
                  </from>
                  <to>
                    <xdr:col>24</xdr:col>
                    <xdr:colOff>114300</xdr:colOff>
                    <xdr:row>39</xdr:row>
                    <xdr:rowOff>0</xdr:rowOff>
                  </to>
                </anchor>
              </controlPr>
            </control>
          </mc:Choice>
        </mc:AlternateContent>
        <mc:AlternateContent xmlns:mc="http://schemas.openxmlformats.org/markup-compatibility/2006">
          <mc:Choice Requires="x14">
            <control shapeId="2065" r:id="rId19" name="Option Button 17">
              <controlPr defaultSize="0" autoFill="0" autoLine="0" autoPict="0">
                <anchor moveWithCells="1">
                  <from>
                    <xdr:col>3</xdr:col>
                    <xdr:colOff>165100</xdr:colOff>
                    <xdr:row>45</xdr:row>
                    <xdr:rowOff>171450</xdr:rowOff>
                  </from>
                  <to>
                    <xdr:col>31</xdr:col>
                    <xdr:colOff>57150</xdr:colOff>
                    <xdr:row>46</xdr:row>
                    <xdr:rowOff>171450</xdr:rowOff>
                  </to>
                </anchor>
              </controlPr>
            </control>
          </mc:Choice>
        </mc:AlternateContent>
        <mc:AlternateContent xmlns:mc="http://schemas.openxmlformats.org/markup-compatibility/2006">
          <mc:Choice Requires="x14">
            <control shapeId="2066" r:id="rId20" name="Option Button 18">
              <controlPr defaultSize="0" autoFill="0" autoLine="0" autoPict="0">
                <anchor moveWithCells="1">
                  <from>
                    <xdr:col>3</xdr:col>
                    <xdr:colOff>171450</xdr:colOff>
                    <xdr:row>47</xdr:row>
                    <xdr:rowOff>184150</xdr:rowOff>
                  </from>
                  <to>
                    <xdr:col>38</xdr:col>
                    <xdr:colOff>336550</xdr:colOff>
                    <xdr:row>48</xdr:row>
                    <xdr:rowOff>184150</xdr:rowOff>
                  </to>
                </anchor>
              </controlPr>
            </control>
          </mc:Choice>
        </mc:AlternateContent>
        <mc:AlternateContent xmlns:mc="http://schemas.openxmlformats.org/markup-compatibility/2006">
          <mc:Choice Requires="x14">
            <control shapeId="2067" r:id="rId21" name="Group Box 19">
              <controlPr defaultSize="0" autoFill="0" autoPict="0">
                <anchor moveWithCells="1">
                  <from>
                    <xdr:col>3</xdr:col>
                    <xdr:colOff>146050</xdr:colOff>
                    <xdr:row>46</xdr:row>
                    <xdr:rowOff>12700</xdr:rowOff>
                  </from>
                  <to>
                    <xdr:col>38</xdr:col>
                    <xdr:colOff>228600</xdr:colOff>
                    <xdr:row>48</xdr:row>
                    <xdr:rowOff>127000</xdr:rowOff>
                  </to>
                </anchor>
              </controlPr>
            </control>
          </mc:Choice>
        </mc:AlternateContent>
        <mc:AlternateContent xmlns:mc="http://schemas.openxmlformats.org/markup-compatibility/2006">
          <mc:Choice Requires="x14">
            <control shapeId="2068" r:id="rId22" name="Check Box 20">
              <controlPr defaultSize="0" autoFill="0" autoLine="0" autoPict="0">
                <anchor moveWithCells="1">
                  <from>
                    <xdr:col>3</xdr:col>
                    <xdr:colOff>171450</xdr:colOff>
                    <xdr:row>48</xdr:row>
                    <xdr:rowOff>184150</xdr:rowOff>
                  </from>
                  <to>
                    <xdr:col>27</xdr:col>
                    <xdr:colOff>38100</xdr:colOff>
                    <xdr:row>49</xdr:row>
                    <xdr:rowOff>184150</xdr:rowOff>
                  </to>
                </anchor>
              </controlPr>
            </control>
          </mc:Choice>
        </mc:AlternateContent>
        <mc:AlternateContent xmlns:mc="http://schemas.openxmlformats.org/markup-compatibility/2006">
          <mc:Choice Requires="x14">
            <control shapeId="2069" r:id="rId23" name="Group Box 21">
              <controlPr defaultSize="0" autoFill="0" autoPict="0">
                <anchor moveWithCells="1">
                  <from>
                    <xdr:col>2</xdr:col>
                    <xdr:colOff>190500</xdr:colOff>
                    <xdr:row>45</xdr:row>
                    <xdr:rowOff>57150</xdr:rowOff>
                  </from>
                  <to>
                    <xdr:col>41</xdr:col>
                    <xdr:colOff>50800</xdr:colOff>
                    <xdr:row>49</xdr:row>
                    <xdr:rowOff>1079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52"/>
  <sheetViews>
    <sheetView showGridLines="0" workbookViewId="0"/>
  </sheetViews>
  <sheetFormatPr defaultRowHeight="15" x14ac:dyDescent="0.35"/>
  <cols>
    <col min="1" max="1" width="5.25" style="71" customWidth="1"/>
    <col min="2" max="2" width="19.08203125" style="71" customWidth="1"/>
    <col min="3" max="3" width="17.25" style="71" customWidth="1"/>
    <col min="4" max="4" width="104.33203125" style="71" customWidth="1"/>
    <col min="5" max="5" width="14.25" style="71" customWidth="1"/>
    <col min="6" max="6" width="12.33203125" style="71" customWidth="1"/>
    <col min="7" max="7" width="11.83203125" style="71" customWidth="1"/>
    <col min="8" max="13" width="15.58203125" style="71" customWidth="1"/>
    <col min="14" max="14" width="9" style="71"/>
    <col min="15" max="15" width="14.75" style="71" customWidth="1"/>
    <col min="16" max="16" width="12" style="71" customWidth="1"/>
    <col min="17" max="17" width="1.83203125" style="71" customWidth="1"/>
    <col min="18" max="256" width="9" style="71"/>
    <col min="257" max="257" width="5.25" style="71" customWidth="1"/>
    <col min="258" max="258" width="16" style="71" customWidth="1"/>
    <col min="259" max="259" width="17.25" style="71" customWidth="1"/>
    <col min="260" max="260" width="104.33203125" style="71" customWidth="1"/>
    <col min="261" max="261" width="9" style="71"/>
    <col min="262" max="262" width="11.83203125" style="71" customWidth="1"/>
    <col min="263" max="512" width="9" style="71"/>
    <col min="513" max="513" width="5.25" style="71" customWidth="1"/>
    <col min="514" max="514" width="16" style="71" customWidth="1"/>
    <col min="515" max="515" width="17.25" style="71" customWidth="1"/>
    <col min="516" max="516" width="104.33203125" style="71" customWidth="1"/>
    <col min="517" max="517" width="9" style="71"/>
    <col min="518" max="518" width="11.83203125" style="71" customWidth="1"/>
    <col min="519" max="768" width="9" style="71"/>
    <col min="769" max="769" width="5.25" style="71" customWidth="1"/>
    <col min="770" max="770" width="16" style="71" customWidth="1"/>
    <col min="771" max="771" width="17.25" style="71" customWidth="1"/>
    <col min="772" max="772" width="104.33203125" style="71" customWidth="1"/>
    <col min="773" max="773" width="9" style="71"/>
    <col min="774" max="774" width="11.83203125" style="71" customWidth="1"/>
    <col min="775" max="1024" width="9" style="71"/>
    <col min="1025" max="1025" width="5.25" style="71" customWidth="1"/>
    <col min="1026" max="1026" width="16" style="71" customWidth="1"/>
    <col min="1027" max="1027" width="17.25" style="71" customWidth="1"/>
    <col min="1028" max="1028" width="104.33203125" style="71" customWidth="1"/>
    <col min="1029" max="1029" width="9" style="71"/>
    <col min="1030" max="1030" width="11.83203125" style="71" customWidth="1"/>
    <col min="1031" max="1280" width="9" style="71"/>
    <col min="1281" max="1281" width="5.25" style="71" customWidth="1"/>
    <col min="1282" max="1282" width="16" style="71" customWidth="1"/>
    <col min="1283" max="1283" width="17.25" style="71" customWidth="1"/>
    <col min="1284" max="1284" width="104.33203125" style="71" customWidth="1"/>
    <col min="1285" max="1285" width="9" style="71"/>
    <col min="1286" max="1286" width="11.83203125" style="71" customWidth="1"/>
    <col min="1287" max="1536" width="9" style="71"/>
    <col min="1537" max="1537" width="5.25" style="71" customWidth="1"/>
    <col min="1538" max="1538" width="16" style="71" customWidth="1"/>
    <col min="1539" max="1539" width="17.25" style="71" customWidth="1"/>
    <col min="1540" max="1540" width="104.33203125" style="71" customWidth="1"/>
    <col min="1541" max="1541" width="9" style="71"/>
    <col min="1542" max="1542" width="11.83203125" style="71" customWidth="1"/>
    <col min="1543" max="1792" width="9" style="71"/>
    <col min="1793" max="1793" width="5.25" style="71" customWidth="1"/>
    <col min="1794" max="1794" width="16" style="71" customWidth="1"/>
    <col min="1795" max="1795" width="17.25" style="71" customWidth="1"/>
    <col min="1796" max="1796" width="104.33203125" style="71" customWidth="1"/>
    <col min="1797" max="1797" width="9" style="71"/>
    <col min="1798" max="1798" width="11.83203125" style="71" customWidth="1"/>
    <col min="1799" max="2048" width="9" style="71"/>
    <col min="2049" max="2049" width="5.25" style="71" customWidth="1"/>
    <col min="2050" max="2050" width="16" style="71" customWidth="1"/>
    <col min="2051" max="2051" width="17.25" style="71" customWidth="1"/>
    <col min="2052" max="2052" width="104.33203125" style="71" customWidth="1"/>
    <col min="2053" max="2053" width="9" style="71"/>
    <col min="2054" max="2054" width="11.83203125" style="71" customWidth="1"/>
    <col min="2055" max="2304" width="9" style="71"/>
    <col min="2305" max="2305" width="5.25" style="71" customWidth="1"/>
    <col min="2306" max="2306" width="16" style="71" customWidth="1"/>
    <col min="2307" max="2307" width="17.25" style="71" customWidth="1"/>
    <col min="2308" max="2308" width="104.33203125" style="71" customWidth="1"/>
    <col min="2309" max="2309" width="9" style="71"/>
    <col min="2310" max="2310" width="11.83203125" style="71" customWidth="1"/>
    <col min="2311" max="2560" width="9" style="71"/>
    <col min="2561" max="2561" width="5.25" style="71" customWidth="1"/>
    <col min="2562" max="2562" width="16" style="71" customWidth="1"/>
    <col min="2563" max="2563" width="17.25" style="71" customWidth="1"/>
    <col min="2564" max="2564" width="104.33203125" style="71" customWidth="1"/>
    <col min="2565" max="2565" width="9" style="71"/>
    <col min="2566" max="2566" width="11.83203125" style="71" customWidth="1"/>
    <col min="2567" max="2816" width="9" style="71"/>
    <col min="2817" max="2817" width="5.25" style="71" customWidth="1"/>
    <col min="2818" max="2818" width="16" style="71" customWidth="1"/>
    <col min="2819" max="2819" width="17.25" style="71" customWidth="1"/>
    <col min="2820" max="2820" width="104.33203125" style="71" customWidth="1"/>
    <col min="2821" max="2821" width="9" style="71"/>
    <col min="2822" max="2822" width="11.83203125" style="71" customWidth="1"/>
    <col min="2823" max="3072" width="9" style="71"/>
    <col min="3073" max="3073" width="5.25" style="71" customWidth="1"/>
    <col min="3074" max="3074" width="16" style="71" customWidth="1"/>
    <col min="3075" max="3075" width="17.25" style="71" customWidth="1"/>
    <col min="3076" max="3076" width="104.33203125" style="71" customWidth="1"/>
    <col min="3077" max="3077" width="9" style="71"/>
    <col min="3078" max="3078" width="11.83203125" style="71" customWidth="1"/>
    <col min="3079" max="3328" width="9" style="71"/>
    <col min="3329" max="3329" width="5.25" style="71" customWidth="1"/>
    <col min="3330" max="3330" width="16" style="71" customWidth="1"/>
    <col min="3331" max="3331" width="17.25" style="71" customWidth="1"/>
    <col min="3332" max="3332" width="104.33203125" style="71" customWidth="1"/>
    <col min="3333" max="3333" width="9" style="71"/>
    <col min="3334" max="3334" width="11.83203125" style="71" customWidth="1"/>
    <col min="3335" max="3584" width="9" style="71"/>
    <col min="3585" max="3585" width="5.25" style="71" customWidth="1"/>
    <col min="3586" max="3586" width="16" style="71" customWidth="1"/>
    <col min="3587" max="3587" width="17.25" style="71" customWidth="1"/>
    <col min="3588" max="3588" width="104.33203125" style="71" customWidth="1"/>
    <col min="3589" max="3589" width="9" style="71"/>
    <col min="3590" max="3590" width="11.83203125" style="71" customWidth="1"/>
    <col min="3591" max="3840" width="9" style="71"/>
    <col min="3841" max="3841" width="5.25" style="71" customWidth="1"/>
    <col min="3842" max="3842" width="16" style="71" customWidth="1"/>
    <col min="3843" max="3843" width="17.25" style="71" customWidth="1"/>
    <col min="3844" max="3844" width="104.33203125" style="71" customWidth="1"/>
    <col min="3845" max="3845" width="9" style="71"/>
    <col min="3846" max="3846" width="11.83203125" style="71" customWidth="1"/>
    <col min="3847" max="4096" width="9" style="71"/>
    <col min="4097" max="4097" width="5.25" style="71" customWidth="1"/>
    <col min="4098" max="4098" width="16" style="71" customWidth="1"/>
    <col min="4099" max="4099" width="17.25" style="71" customWidth="1"/>
    <col min="4100" max="4100" width="104.33203125" style="71" customWidth="1"/>
    <col min="4101" max="4101" width="9" style="71"/>
    <col min="4102" max="4102" width="11.83203125" style="71" customWidth="1"/>
    <col min="4103" max="4352" width="9" style="71"/>
    <col min="4353" max="4353" width="5.25" style="71" customWidth="1"/>
    <col min="4354" max="4354" width="16" style="71" customWidth="1"/>
    <col min="4355" max="4355" width="17.25" style="71" customWidth="1"/>
    <col min="4356" max="4356" width="104.33203125" style="71" customWidth="1"/>
    <col min="4357" max="4357" width="9" style="71"/>
    <col min="4358" max="4358" width="11.83203125" style="71" customWidth="1"/>
    <col min="4359" max="4608" width="9" style="71"/>
    <col min="4609" max="4609" width="5.25" style="71" customWidth="1"/>
    <col min="4610" max="4610" width="16" style="71" customWidth="1"/>
    <col min="4611" max="4611" width="17.25" style="71" customWidth="1"/>
    <col min="4612" max="4612" width="104.33203125" style="71" customWidth="1"/>
    <col min="4613" max="4613" width="9" style="71"/>
    <col min="4614" max="4614" width="11.83203125" style="71" customWidth="1"/>
    <col min="4615" max="4864" width="9" style="71"/>
    <col min="4865" max="4865" width="5.25" style="71" customWidth="1"/>
    <col min="4866" max="4866" width="16" style="71" customWidth="1"/>
    <col min="4867" max="4867" width="17.25" style="71" customWidth="1"/>
    <col min="4868" max="4868" width="104.33203125" style="71" customWidth="1"/>
    <col min="4869" max="4869" width="9" style="71"/>
    <col min="4870" max="4870" width="11.83203125" style="71" customWidth="1"/>
    <col min="4871" max="5120" width="9" style="71"/>
    <col min="5121" max="5121" width="5.25" style="71" customWidth="1"/>
    <col min="5122" max="5122" width="16" style="71" customWidth="1"/>
    <col min="5123" max="5123" width="17.25" style="71" customWidth="1"/>
    <col min="5124" max="5124" width="104.33203125" style="71" customWidth="1"/>
    <col min="5125" max="5125" width="9" style="71"/>
    <col min="5126" max="5126" width="11.83203125" style="71" customWidth="1"/>
    <col min="5127" max="5376" width="9" style="71"/>
    <col min="5377" max="5377" width="5.25" style="71" customWidth="1"/>
    <col min="5378" max="5378" width="16" style="71" customWidth="1"/>
    <col min="5379" max="5379" width="17.25" style="71" customWidth="1"/>
    <col min="5380" max="5380" width="104.33203125" style="71" customWidth="1"/>
    <col min="5381" max="5381" width="9" style="71"/>
    <col min="5382" max="5382" width="11.83203125" style="71" customWidth="1"/>
    <col min="5383" max="5632" width="9" style="71"/>
    <col min="5633" max="5633" width="5.25" style="71" customWidth="1"/>
    <col min="5634" max="5634" width="16" style="71" customWidth="1"/>
    <col min="5635" max="5635" width="17.25" style="71" customWidth="1"/>
    <col min="5636" max="5636" width="104.33203125" style="71" customWidth="1"/>
    <col min="5637" max="5637" width="9" style="71"/>
    <col min="5638" max="5638" width="11.83203125" style="71" customWidth="1"/>
    <col min="5639" max="5888" width="9" style="71"/>
    <col min="5889" max="5889" width="5.25" style="71" customWidth="1"/>
    <col min="5890" max="5890" width="16" style="71" customWidth="1"/>
    <col min="5891" max="5891" width="17.25" style="71" customWidth="1"/>
    <col min="5892" max="5892" width="104.33203125" style="71" customWidth="1"/>
    <col min="5893" max="5893" width="9" style="71"/>
    <col min="5894" max="5894" width="11.83203125" style="71" customWidth="1"/>
    <col min="5895" max="6144" width="9" style="71"/>
    <col min="6145" max="6145" width="5.25" style="71" customWidth="1"/>
    <col min="6146" max="6146" width="16" style="71" customWidth="1"/>
    <col min="6147" max="6147" width="17.25" style="71" customWidth="1"/>
    <col min="6148" max="6148" width="104.33203125" style="71" customWidth="1"/>
    <col min="6149" max="6149" width="9" style="71"/>
    <col min="6150" max="6150" width="11.83203125" style="71" customWidth="1"/>
    <col min="6151" max="6400" width="9" style="71"/>
    <col min="6401" max="6401" width="5.25" style="71" customWidth="1"/>
    <col min="6402" max="6402" width="16" style="71" customWidth="1"/>
    <col min="6403" max="6403" width="17.25" style="71" customWidth="1"/>
    <col min="6404" max="6404" width="104.33203125" style="71" customWidth="1"/>
    <col min="6405" max="6405" width="9" style="71"/>
    <col min="6406" max="6406" width="11.83203125" style="71" customWidth="1"/>
    <col min="6407" max="6656" width="9" style="71"/>
    <col min="6657" max="6657" width="5.25" style="71" customWidth="1"/>
    <col min="6658" max="6658" width="16" style="71" customWidth="1"/>
    <col min="6659" max="6659" width="17.25" style="71" customWidth="1"/>
    <col min="6660" max="6660" width="104.33203125" style="71" customWidth="1"/>
    <col min="6661" max="6661" width="9" style="71"/>
    <col min="6662" max="6662" width="11.83203125" style="71" customWidth="1"/>
    <col min="6663" max="6912" width="9" style="71"/>
    <col min="6913" max="6913" width="5.25" style="71" customWidth="1"/>
    <col min="6914" max="6914" width="16" style="71" customWidth="1"/>
    <col min="6915" max="6915" width="17.25" style="71" customWidth="1"/>
    <col min="6916" max="6916" width="104.33203125" style="71" customWidth="1"/>
    <col min="6917" max="6917" width="9" style="71"/>
    <col min="6918" max="6918" width="11.83203125" style="71" customWidth="1"/>
    <col min="6919" max="7168" width="9" style="71"/>
    <col min="7169" max="7169" width="5.25" style="71" customWidth="1"/>
    <col min="7170" max="7170" width="16" style="71" customWidth="1"/>
    <col min="7171" max="7171" width="17.25" style="71" customWidth="1"/>
    <col min="7172" max="7172" width="104.33203125" style="71" customWidth="1"/>
    <col min="7173" max="7173" width="9" style="71"/>
    <col min="7174" max="7174" width="11.83203125" style="71" customWidth="1"/>
    <col min="7175" max="7424" width="9" style="71"/>
    <col min="7425" max="7425" width="5.25" style="71" customWidth="1"/>
    <col min="7426" max="7426" width="16" style="71" customWidth="1"/>
    <col min="7427" max="7427" width="17.25" style="71" customWidth="1"/>
    <col min="7428" max="7428" width="104.33203125" style="71" customWidth="1"/>
    <col min="7429" max="7429" width="9" style="71"/>
    <col min="7430" max="7430" width="11.83203125" style="71" customWidth="1"/>
    <col min="7431" max="7680" width="9" style="71"/>
    <col min="7681" max="7681" width="5.25" style="71" customWidth="1"/>
    <col min="7682" max="7682" width="16" style="71" customWidth="1"/>
    <col min="7683" max="7683" width="17.25" style="71" customWidth="1"/>
    <col min="7684" max="7684" width="104.33203125" style="71" customWidth="1"/>
    <col min="7685" max="7685" width="9" style="71"/>
    <col min="7686" max="7686" width="11.83203125" style="71" customWidth="1"/>
    <col min="7687" max="7936" width="9" style="71"/>
    <col min="7937" max="7937" width="5.25" style="71" customWidth="1"/>
    <col min="7938" max="7938" width="16" style="71" customWidth="1"/>
    <col min="7939" max="7939" width="17.25" style="71" customWidth="1"/>
    <col min="7940" max="7940" width="104.33203125" style="71" customWidth="1"/>
    <col min="7941" max="7941" width="9" style="71"/>
    <col min="7942" max="7942" width="11.83203125" style="71" customWidth="1"/>
    <col min="7943" max="8192" width="9" style="71"/>
    <col min="8193" max="8193" width="5.25" style="71" customWidth="1"/>
    <col min="8194" max="8194" width="16" style="71" customWidth="1"/>
    <col min="8195" max="8195" width="17.25" style="71" customWidth="1"/>
    <col min="8196" max="8196" width="104.33203125" style="71" customWidth="1"/>
    <col min="8197" max="8197" width="9" style="71"/>
    <col min="8198" max="8198" width="11.83203125" style="71" customWidth="1"/>
    <col min="8199" max="8448" width="9" style="71"/>
    <col min="8449" max="8449" width="5.25" style="71" customWidth="1"/>
    <col min="8450" max="8450" width="16" style="71" customWidth="1"/>
    <col min="8451" max="8451" width="17.25" style="71" customWidth="1"/>
    <col min="8452" max="8452" width="104.33203125" style="71" customWidth="1"/>
    <col min="8453" max="8453" width="9" style="71"/>
    <col min="8454" max="8454" width="11.83203125" style="71" customWidth="1"/>
    <col min="8455" max="8704" width="9" style="71"/>
    <col min="8705" max="8705" width="5.25" style="71" customWidth="1"/>
    <col min="8706" max="8706" width="16" style="71" customWidth="1"/>
    <col min="8707" max="8707" width="17.25" style="71" customWidth="1"/>
    <col min="8708" max="8708" width="104.33203125" style="71" customWidth="1"/>
    <col min="8709" max="8709" width="9" style="71"/>
    <col min="8710" max="8710" width="11.83203125" style="71" customWidth="1"/>
    <col min="8711" max="8960" width="9" style="71"/>
    <col min="8961" max="8961" width="5.25" style="71" customWidth="1"/>
    <col min="8962" max="8962" width="16" style="71" customWidth="1"/>
    <col min="8963" max="8963" width="17.25" style="71" customWidth="1"/>
    <col min="8964" max="8964" width="104.33203125" style="71" customWidth="1"/>
    <col min="8965" max="8965" width="9" style="71"/>
    <col min="8966" max="8966" width="11.83203125" style="71" customWidth="1"/>
    <col min="8967" max="9216" width="9" style="71"/>
    <col min="9217" max="9217" width="5.25" style="71" customWidth="1"/>
    <col min="9218" max="9218" width="16" style="71" customWidth="1"/>
    <col min="9219" max="9219" width="17.25" style="71" customWidth="1"/>
    <col min="9220" max="9220" width="104.33203125" style="71" customWidth="1"/>
    <col min="9221" max="9221" width="9" style="71"/>
    <col min="9222" max="9222" width="11.83203125" style="71" customWidth="1"/>
    <col min="9223" max="9472" width="9" style="71"/>
    <col min="9473" max="9473" width="5.25" style="71" customWidth="1"/>
    <col min="9474" max="9474" width="16" style="71" customWidth="1"/>
    <col min="9475" max="9475" width="17.25" style="71" customWidth="1"/>
    <col min="9476" max="9476" width="104.33203125" style="71" customWidth="1"/>
    <col min="9477" max="9477" width="9" style="71"/>
    <col min="9478" max="9478" width="11.83203125" style="71" customWidth="1"/>
    <col min="9479" max="9728" width="9" style="71"/>
    <col min="9729" max="9729" width="5.25" style="71" customWidth="1"/>
    <col min="9730" max="9730" width="16" style="71" customWidth="1"/>
    <col min="9731" max="9731" width="17.25" style="71" customWidth="1"/>
    <col min="9732" max="9732" width="104.33203125" style="71" customWidth="1"/>
    <col min="9733" max="9733" width="9" style="71"/>
    <col min="9734" max="9734" width="11.83203125" style="71" customWidth="1"/>
    <col min="9735" max="9984" width="9" style="71"/>
    <col min="9985" max="9985" width="5.25" style="71" customWidth="1"/>
    <col min="9986" max="9986" width="16" style="71" customWidth="1"/>
    <col min="9987" max="9987" width="17.25" style="71" customWidth="1"/>
    <col min="9988" max="9988" width="104.33203125" style="71" customWidth="1"/>
    <col min="9989" max="9989" width="9" style="71"/>
    <col min="9990" max="9990" width="11.83203125" style="71" customWidth="1"/>
    <col min="9991" max="10240" width="9" style="71"/>
    <col min="10241" max="10241" width="5.25" style="71" customWidth="1"/>
    <col min="10242" max="10242" width="16" style="71" customWidth="1"/>
    <col min="10243" max="10243" width="17.25" style="71" customWidth="1"/>
    <col min="10244" max="10244" width="104.33203125" style="71" customWidth="1"/>
    <col min="10245" max="10245" width="9" style="71"/>
    <col min="10246" max="10246" width="11.83203125" style="71" customWidth="1"/>
    <col min="10247" max="10496" width="9" style="71"/>
    <col min="10497" max="10497" width="5.25" style="71" customWidth="1"/>
    <col min="10498" max="10498" width="16" style="71" customWidth="1"/>
    <col min="10499" max="10499" width="17.25" style="71" customWidth="1"/>
    <col min="10500" max="10500" width="104.33203125" style="71" customWidth="1"/>
    <col min="10501" max="10501" width="9" style="71"/>
    <col min="10502" max="10502" width="11.83203125" style="71" customWidth="1"/>
    <col min="10503" max="10752" width="9" style="71"/>
    <col min="10753" max="10753" width="5.25" style="71" customWidth="1"/>
    <col min="10754" max="10754" width="16" style="71" customWidth="1"/>
    <col min="10755" max="10755" width="17.25" style="71" customWidth="1"/>
    <col min="10756" max="10756" width="104.33203125" style="71" customWidth="1"/>
    <col min="10757" max="10757" width="9" style="71"/>
    <col min="10758" max="10758" width="11.83203125" style="71" customWidth="1"/>
    <col min="10759" max="11008" width="9" style="71"/>
    <col min="11009" max="11009" width="5.25" style="71" customWidth="1"/>
    <col min="11010" max="11010" width="16" style="71" customWidth="1"/>
    <col min="11011" max="11011" width="17.25" style="71" customWidth="1"/>
    <col min="11012" max="11012" width="104.33203125" style="71" customWidth="1"/>
    <col min="11013" max="11013" width="9" style="71"/>
    <col min="11014" max="11014" width="11.83203125" style="71" customWidth="1"/>
    <col min="11015" max="11264" width="9" style="71"/>
    <col min="11265" max="11265" width="5.25" style="71" customWidth="1"/>
    <col min="11266" max="11266" width="16" style="71" customWidth="1"/>
    <col min="11267" max="11267" width="17.25" style="71" customWidth="1"/>
    <col min="11268" max="11268" width="104.33203125" style="71" customWidth="1"/>
    <col min="11269" max="11269" width="9" style="71"/>
    <col min="11270" max="11270" width="11.83203125" style="71" customWidth="1"/>
    <col min="11271" max="11520" width="9" style="71"/>
    <col min="11521" max="11521" width="5.25" style="71" customWidth="1"/>
    <col min="11522" max="11522" width="16" style="71" customWidth="1"/>
    <col min="11523" max="11523" width="17.25" style="71" customWidth="1"/>
    <col min="11524" max="11524" width="104.33203125" style="71" customWidth="1"/>
    <col min="11525" max="11525" width="9" style="71"/>
    <col min="11526" max="11526" width="11.83203125" style="71" customWidth="1"/>
    <col min="11527" max="11776" width="9" style="71"/>
    <col min="11777" max="11777" width="5.25" style="71" customWidth="1"/>
    <col min="11778" max="11778" width="16" style="71" customWidth="1"/>
    <col min="11779" max="11779" width="17.25" style="71" customWidth="1"/>
    <col min="11780" max="11780" width="104.33203125" style="71" customWidth="1"/>
    <col min="11781" max="11781" width="9" style="71"/>
    <col min="11782" max="11782" width="11.83203125" style="71" customWidth="1"/>
    <col min="11783" max="12032" width="9" style="71"/>
    <col min="12033" max="12033" width="5.25" style="71" customWidth="1"/>
    <col min="12034" max="12034" width="16" style="71" customWidth="1"/>
    <col min="12035" max="12035" width="17.25" style="71" customWidth="1"/>
    <col min="12036" max="12036" width="104.33203125" style="71" customWidth="1"/>
    <col min="12037" max="12037" width="9" style="71"/>
    <col min="12038" max="12038" width="11.83203125" style="71" customWidth="1"/>
    <col min="12039" max="12288" width="9" style="71"/>
    <col min="12289" max="12289" width="5.25" style="71" customWidth="1"/>
    <col min="12290" max="12290" width="16" style="71" customWidth="1"/>
    <col min="12291" max="12291" width="17.25" style="71" customWidth="1"/>
    <col min="12292" max="12292" width="104.33203125" style="71" customWidth="1"/>
    <col min="12293" max="12293" width="9" style="71"/>
    <col min="12294" max="12294" width="11.83203125" style="71" customWidth="1"/>
    <col min="12295" max="12544" width="9" style="71"/>
    <col min="12545" max="12545" width="5.25" style="71" customWidth="1"/>
    <col min="12546" max="12546" width="16" style="71" customWidth="1"/>
    <col min="12547" max="12547" width="17.25" style="71" customWidth="1"/>
    <col min="12548" max="12548" width="104.33203125" style="71" customWidth="1"/>
    <col min="12549" max="12549" width="9" style="71"/>
    <col min="12550" max="12550" width="11.83203125" style="71" customWidth="1"/>
    <col min="12551" max="12800" width="9" style="71"/>
    <col min="12801" max="12801" width="5.25" style="71" customWidth="1"/>
    <col min="12802" max="12802" width="16" style="71" customWidth="1"/>
    <col min="12803" max="12803" width="17.25" style="71" customWidth="1"/>
    <col min="12804" max="12804" width="104.33203125" style="71" customWidth="1"/>
    <col min="12805" max="12805" width="9" style="71"/>
    <col min="12806" max="12806" width="11.83203125" style="71" customWidth="1"/>
    <col min="12807" max="13056" width="9" style="71"/>
    <col min="13057" max="13057" width="5.25" style="71" customWidth="1"/>
    <col min="13058" max="13058" width="16" style="71" customWidth="1"/>
    <col min="13059" max="13059" width="17.25" style="71" customWidth="1"/>
    <col min="13060" max="13060" width="104.33203125" style="71" customWidth="1"/>
    <col min="13061" max="13061" width="9" style="71"/>
    <col min="13062" max="13062" width="11.83203125" style="71" customWidth="1"/>
    <col min="13063" max="13312" width="9" style="71"/>
    <col min="13313" max="13313" width="5.25" style="71" customWidth="1"/>
    <col min="13314" max="13314" width="16" style="71" customWidth="1"/>
    <col min="13315" max="13315" width="17.25" style="71" customWidth="1"/>
    <col min="13316" max="13316" width="104.33203125" style="71" customWidth="1"/>
    <col min="13317" max="13317" width="9" style="71"/>
    <col min="13318" max="13318" width="11.83203125" style="71" customWidth="1"/>
    <col min="13319" max="13568" width="9" style="71"/>
    <col min="13569" max="13569" width="5.25" style="71" customWidth="1"/>
    <col min="13570" max="13570" width="16" style="71" customWidth="1"/>
    <col min="13571" max="13571" width="17.25" style="71" customWidth="1"/>
    <col min="13572" max="13572" width="104.33203125" style="71" customWidth="1"/>
    <col min="13573" max="13573" width="9" style="71"/>
    <col min="13574" max="13574" width="11.83203125" style="71" customWidth="1"/>
    <col min="13575" max="13824" width="9" style="71"/>
    <col min="13825" max="13825" width="5.25" style="71" customWidth="1"/>
    <col min="13826" max="13826" width="16" style="71" customWidth="1"/>
    <col min="13827" max="13827" width="17.25" style="71" customWidth="1"/>
    <col min="13828" max="13828" width="104.33203125" style="71" customWidth="1"/>
    <col min="13829" max="13829" width="9" style="71"/>
    <col min="13830" max="13830" width="11.83203125" style="71" customWidth="1"/>
    <col min="13831" max="14080" width="9" style="71"/>
    <col min="14081" max="14081" width="5.25" style="71" customWidth="1"/>
    <col min="14082" max="14082" width="16" style="71" customWidth="1"/>
    <col min="14083" max="14083" width="17.25" style="71" customWidth="1"/>
    <col min="14084" max="14084" width="104.33203125" style="71" customWidth="1"/>
    <col min="14085" max="14085" width="9" style="71"/>
    <col min="14086" max="14086" width="11.83203125" style="71" customWidth="1"/>
    <col min="14087" max="14336" width="9" style="71"/>
    <col min="14337" max="14337" width="5.25" style="71" customWidth="1"/>
    <col min="14338" max="14338" width="16" style="71" customWidth="1"/>
    <col min="14339" max="14339" width="17.25" style="71" customWidth="1"/>
    <col min="14340" max="14340" width="104.33203125" style="71" customWidth="1"/>
    <col min="14341" max="14341" width="9" style="71"/>
    <col min="14342" max="14342" width="11.83203125" style="71" customWidth="1"/>
    <col min="14343" max="14592" width="9" style="71"/>
    <col min="14593" max="14593" width="5.25" style="71" customWidth="1"/>
    <col min="14594" max="14594" width="16" style="71" customWidth="1"/>
    <col min="14595" max="14595" width="17.25" style="71" customWidth="1"/>
    <col min="14596" max="14596" width="104.33203125" style="71" customWidth="1"/>
    <col min="14597" max="14597" width="9" style="71"/>
    <col min="14598" max="14598" width="11.83203125" style="71" customWidth="1"/>
    <col min="14599" max="14848" width="9" style="71"/>
    <col min="14849" max="14849" width="5.25" style="71" customWidth="1"/>
    <col min="14850" max="14850" width="16" style="71" customWidth="1"/>
    <col min="14851" max="14851" width="17.25" style="71" customWidth="1"/>
    <col min="14852" max="14852" width="104.33203125" style="71" customWidth="1"/>
    <col min="14853" max="14853" width="9" style="71"/>
    <col min="14854" max="14854" width="11.83203125" style="71" customWidth="1"/>
    <col min="14855" max="15104" width="9" style="71"/>
    <col min="15105" max="15105" width="5.25" style="71" customWidth="1"/>
    <col min="15106" max="15106" width="16" style="71" customWidth="1"/>
    <col min="15107" max="15107" width="17.25" style="71" customWidth="1"/>
    <col min="15108" max="15108" width="104.33203125" style="71" customWidth="1"/>
    <col min="15109" max="15109" width="9" style="71"/>
    <col min="15110" max="15110" width="11.83203125" style="71" customWidth="1"/>
    <col min="15111" max="15360" width="9" style="71"/>
    <col min="15361" max="15361" width="5.25" style="71" customWidth="1"/>
    <col min="15362" max="15362" width="16" style="71" customWidth="1"/>
    <col min="15363" max="15363" width="17.25" style="71" customWidth="1"/>
    <col min="15364" max="15364" width="104.33203125" style="71" customWidth="1"/>
    <col min="15365" max="15365" width="9" style="71"/>
    <col min="15366" max="15366" width="11.83203125" style="71" customWidth="1"/>
    <col min="15367" max="15616" width="9" style="71"/>
    <col min="15617" max="15617" width="5.25" style="71" customWidth="1"/>
    <col min="15618" max="15618" width="16" style="71" customWidth="1"/>
    <col min="15619" max="15619" width="17.25" style="71" customWidth="1"/>
    <col min="15620" max="15620" width="104.33203125" style="71" customWidth="1"/>
    <col min="15621" max="15621" width="9" style="71"/>
    <col min="15622" max="15622" width="11.83203125" style="71" customWidth="1"/>
    <col min="15623" max="15872" width="9" style="71"/>
    <col min="15873" max="15873" width="5.25" style="71" customWidth="1"/>
    <col min="15874" max="15874" width="16" style="71" customWidth="1"/>
    <col min="15875" max="15875" width="17.25" style="71" customWidth="1"/>
    <col min="15876" max="15876" width="104.33203125" style="71" customWidth="1"/>
    <col min="15877" max="15877" width="9" style="71"/>
    <col min="15878" max="15878" width="11.83203125" style="71" customWidth="1"/>
    <col min="15879" max="16128" width="9" style="71"/>
    <col min="16129" max="16129" width="5.25" style="71" customWidth="1"/>
    <col min="16130" max="16130" width="16" style="71" customWidth="1"/>
    <col min="16131" max="16131" width="17.25" style="71" customWidth="1"/>
    <col min="16132" max="16132" width="104.33203125" style="71" customWidth="1"/>
    <col min="16133" max="16133" width="9" style="71"/>
    <col min="16134" max="16134" width="11.83203125" style="71" customWidth="1"/>
    <col min="16135" max="16384" width="9" style="71"/>
  </cols>
  <sheetData>
    <row r="1" spans="1:16" ht="30.75" customHeight="1" x14ac:dyDescent="0.35">
      <c r="B1" s="72" t="s">
        <v>44</v>
      </c>
    </row>
    <row r="2" spans="1:16" ht="18" x14ac:dyDescent="0.55000000000000004">
      <c r="A2" s="73" t="s">
        <v>31</v>
      </c>
      <c r="B2" s="74" t="s">
        <v>32</v>
      </c>
      <c r="C2" s="74" t="s">
        <v>33</v>
      </c>
      <c r="D2" s="74" t="s">
        <v>34</v>
      </c>
      <c r="E2" s="74" t="s">
        <v>35</v>
      </c>
      <c r="F2" s="74" t="s">
        <v>43</v>
      </c>
      <c r="G2" s="74" t="s">
        <v>36</v>
      </c>
      <c r="H2" s="74" t="s">
        <v>37</v>
      </c>
      <c r="I2" s="74" t="s">
        <v>38</v>
      </c>
      <c r="J2" s="74" t="s">
        <v>39</v>
      </c>
      <c r="K2" s="74" t="s">
        <v>40</v>
      </c>
      <c r="L2" s="74" t="s">
        <v>41</v>
      </c>
      <c r="M2" s="74" t="s">
        <v>42</v>
      </c>
      <c r="N2" s="302" t="s">
        <v>132</v>
      </c>
      <c r="O2" s="303"/>
      <c r="P2" s="73" t="s">
        <v>53</v>
      </c>
    </row>
    <row r="3" spans="1:16" x14ac:dyDescent="0.35">
      <c r="A3" s="73">
        <v>1</v>
      </c>
      <c r="B3" s="88" t="s">
        <v>133</v>
      </c>
      <c r="C3" s="88" t="s">
        <v>134</v>
      </c>
      <c r="D3" s="89" t="s">
        <v>135</v>
      </c>
      <c r="E3" s="89"/>
      <c r="F3" s="89" t="s">
        <v>136</v>
      </c>
      <c r="G3" s="89" t="s">
        <v>137</v>
      </c>
      <c r="H3" s="89" t="s">
        <v>138</v>
      </c>
      <c r="I3" s="89" t="s">
        <v>30</v>
      </c>
      <c r="J3" s="73" t="s">
        <v>30</v>
      </c>
      <c r="K3" s="73" t="s">
        <v>30</v>
      </c>
      <c r="L3" s="73" t="s">
        <v>30</v>
      </c>
      <c r="M3" s="73" t="s">
        <v>30</v>
      </c>
      <c r="N3" s="73"/>
      <c r="O3" s="73" t="s">
        <v>140</v>
      </c>
      <c r="P3" s="73"/>
    </row>
    <row r="4" spans="1:16" x14ac:dyDescent="0.35">
      <c r="A4" s="73">
        <v>2</v>
      </c>
      <c r="B4" s="88" t="s">
        <v>133</v>
      </c>
      <c r="C4" s="88" t="s">
        <v>141</v>
      </c>
      <c r="D4" s="89" t="s">
        <v>142</v>
      </c>
      <c r="E4" s="89"/>
      <c r="F4" s="89" t="s">
        <v>143</v>
      </c>
      <c r="G4" s="89" t="s">
        <v>144</v>
      </c>
      <c r="H4" s="89" t="s">
        <v>138</v>
      </c>
      <c r="I4" s="89" t="s">
        <v>145</v>
      </c>
      <c r="J4" s="73" t="s">
        <v>30</v>
      </c>
      <c r="K4" s="73" t="s">
        <v>30</v>
      </c>
      <c r="L4" s="73" t="s">
        <v>30</v>
      </c>
      <c r="M4" s="73" t="s">
        <v>30</v>
      </c>
      <c r="N4" s="73"/>
      <c r="O4" s="73" t="s">
        <v>140</v>
      </c>
      <c r="P4" s="73"/>
    </row>
    <row r="5" spans="1:16" x14ac:dyDescent="0.35">
      <c r="A5" s="73">
        <v>3</v>
      </c>
      <c r="B5" s="88" t="s">
        <v>133</v>
      </c>
      <c r="C5" s="88" t="s">
        <v>146</v>
      </c>
      <c r="D5" s="89" t="s">
        <v>147</v>
      </c>
      <c r="E5" s="89"/>
      <c r="F5" s="89" t="s">
        <v>143</v>
      </c>
      <c r="G5" s="89" t="s">
        <v>137</v>
      </c>
      <c r="H5" s="89" t="s">
        <v>148</v>
      </c>
      <c r="I5" s="89" t="s">
        <v>30</v>
      </c>
      <c r="J5" s="73" t="s">
        <v>30</v>
      </c>
      <c r="K5" s="73" t="s">
        <v>30</v>
      </c>
      <c r="L5" s="73" t="s">
        <v>30</v>
      </c>
      <c r="M5" s="73" t="s">
        <v>30</v>
      </c>
      <c r="N5" s="73"/>
      <c r="O5" s="73" t="s">
        <v>139</v>
      </c>
      <c r="P5" s="73"/>
    </row>
    <row r="6" spans="1:16" x14ac:dyDescent="0.35">
      <c r="A6" s="73">
        <v>4</v>
      </c>
      <c r="B6" s="88" t="s">
        <v>133</v>
      </c>
      <c r="C6" s="88" t="s">
        <v>149</v>
      </c>
      <c r="D6" s="89" t="s">
        <v>150</v>
      </c>
      <c r="E6" s="89"/>
      <c r="F6" s="89" t="s">
        <v>136</v>
      </c>
      <c r="G6" s="89" t="s">
        <v>137</v>
      </c>
      <c r="H6" s="89" t="s">
        <v>151</v>
      </c>
      <c r="I6" s="89" t="s">
        <v>30</v>
      </c>
      <c r="J6" s="73" t="s">
        <v>30</v>
      </c>
      <c r="K6" s="73" t="s">
        <v>30</v>
      </c>
      <c r="L6" s="73" t="s">
        <v>30</v>
      </c>
      <c r="M6" s="73" t="s">
        <v>30</v>
      </c>
      <c r="N6" s="73"/>
      <c r="O6" s="73" t="s">
        <v>140</v>
      </c>
      <c r="P6" s="73"/>
    </row>
    <row r="7" spans="1:16" x14ac:dyDescent="0.35">
      <c r="A7" s="73">
        <v>5</v>
      </c>
      <c r="B7" s="88" t="s">
        <v>133</v>
      </c>
      <c r="C7" s="88" t="s">
        <v>152</v>
      </c>
      <c r="D7" s="89" t="s">
        <v>153</v>
      </c>
      <c r="E7" s="89"/>
      <c r="F7" s="89" t="s">
        <v>143</v>
      </c>
      <c r="G7" s="89" t="s">
        <v>144</v>
      </c>
      <c r="H7" s="89" t="s">
        <v>30</v>
      </c>
      <c r="I7" s="89" t="s">
        <v>30</v>
      </c>
      <c r="J7" s="73" t="s">
        <v>30</v>
      </c>
      <c r="K7" s="73" t="s">
        <v>30</v>
      </c>
      <c r="L7" s="73" t="s">
        <v>30</v>
      </c>
      <c r="M7" s="73" t="s">
        <v>30</v>
      </c>
      <c r="N7" s="73"/>
      <c r="O7" s="73" t="s">
        <v>140</v>
      </c>
      <c r="P7" s="73"/>
    </row>
    <row r="8" spans="1:16" x14ac:dyDescent="0.35">
      <c r="A8" s="73">
        <v>6</v>
      </c>
      <c r="B8" s="75"/>
      <c r="C8" s="75"/>
      <c r="D8" s="73"/>
      <c r="E8" s="73"/>
      <c r="F8" s="73"/>
      <c r="G8" s="73"/>
      <c r="H8" s="73" t="s">
        <v>30</v>
      </c>
      <c r="I8" s="73" t="s">
        <v>30</v>
      </c>
      <c r="J8" s="73" t="s">
        <v>30</v>
      </c>
      <c r="K8" s="73" t="s">
        <v>30</v>
      </c>
      <c r="L8" s="73" t="s">
        <v>30</v>
      </c>
      <c r="M8" s="73" t="s">
        <v>30</v>
      </c>
      <c r="N8" s="73"/>
      <c r="O8" s="73" t="s">
        <v>139</v>
      </c>
      <c r="P8" s="73"/>
    </row>
    <row r="9" spans="1:16" x14ac:dyDescent="0.35">
      <c r="A9" s="73">
        <v>7</v>
      </c>
      <c r="B9" s="75"/>
      <c r="C9" s="75"/>
      <c r="D9" s="73"/>
      <c r="E9" s="73"/>
      <c r="F9" s="73"/>
      <c r="G9" s="73"/>
      <c r="H9" s="73" t="s">
        <v>30</v>
      </c>
      <c r="I9" s="73" t="s">
        <v>30</v>
      </c>
      <c r="J9" s="73" t="s">
        <v>30</v>
      </c>
      <c r="K9" s="73" t="s">
        <v>30</v>
      </c>
      <c r="L9" s="73" t="s">
        <v>30</v>
      </c>
      <c r="M9" s="73" t="s">
        <v>30</v>
      </c>
      <c r="N9" s="73"/>
      <c r="O9" s="73" t="s">
        <v>140</v>
      </c>
      <c r="P9" s="73"/>
    </row>
    <row r="10" spans="1:16" x14ac:dyDescent="0.35">
      <c r="A10" s="73">
        <v>8</v>
      </c>
      <c r="B10" s="75"/>
      <c r="C10" s="76"/>
      <c r="D10" s="73"/>
      <c r="E10" s="73"/>
      <c r="F10" s="73"/>
      <c r="G10" s="73"/>
      <c r="H10" s="73" t="s">
        <v>30</v>
      </c>
      <c r="I10" s="73" t="s">
        <v>30</v>
      </c>
      <c r="J10" s="73" t="s">
        <v>30</v>
      </c>
      <c r="K10" s="73" t="s">
        <v>30</v>
      </c>
      <c r="L10" s="73" t="s">
        <v>30</v>
      </c>
      <c r="M10" s="73" t="s">
        <v>30</v>
      </c>
      <c r="N10" s="73"/>
      <c r="O10" s="73" t="s">
        <v>140</v>
      </c>
      <c r="P10" s="73"/>
    </row>
    <row r="11" spans="1:16" x14ac:dyDescent="0.35">
      <c r="A11" s="73">
        <v>9</v>
      </c>
      <c r="B11" s="75"/>
      <c r="C11" s="75"/>
      <c r="D11" s="73"/>
      <c r="E11" s="73"/>
      <c r="F11" s="73"/>
      <c r="G11" s="73"/>
      <c r="H11" s="73" t="s">
        <v>30</v>
      </c>
      <c r="I11" s="73" t="s">
        <v>30</v>
      </c>
      <c r="J11" s="73" t="s">
        <v>30</v>
      </c>
      <c r="K11" s="73" t="s">
        <v>30</v>
      </c>
      <c r="L11" s="73" t="s">
        <v>30</v>
      </c>
      <c r="M11" s="73" t="s">
        <v>30</v>
      </c>
      <c r="N11" s="73"/>
      <c r="O11" s="73" t="s">
        <v>140</v>
      </c>
      <c r="P11" s="73"/>
    </row>
    <row r="12" spans="1:16" x14ac:dyDescent="0.35">
      <c r="A12" s="73">
        <v>10</v>
      </c>
      <c r="B12" s="75"/>
      <c r="C12" s="75"/>
      <c r="D12" s="73"/>
      <c r="E12" s="73"/>
      <c r="F12" s="73"/>
      <c r="G12" s="73"/>
      <c r="H12" s="73" t="s">
        <v>30</v>
      </c>
      <c r="I12" s="73" t="s">
        <v>30</v>
      </c>
      <c r="J12" s="73" t="s">
        <v>30</v>
      </c>
      <c r="K12" s="73" t="s">
        <v>30</v>
      </c>
      <c r="L12" s="73" t="s">
        <v>30</v>
      </c>
      <c r="M12" s="73" t="s">
        <v>30</v>
      </c>
      <c r="N12" s="73"/>
      <c r="O12" s="73" t="s">
        <v>140</v>
      </c>
      <c r="P12" s="73"/>
    </row>
    <row r="13" spans="1:16" x14ac:dyDescent="0.35">
      <c r="A13" s="73">
        <v>11</v>
      </c>
      <c r="B13" s="75"/>
      <c r="C13" s="75"/>
      <c r="D13" s="73"/>
      <c r="E13" s="73"/>
      <c r="F13" s="73"/>
      <c r="G13" s="73"/>
      <c r="H13" s="73" t="s">
        <v>30</v>
      </c>
      <c r="I13" s="73" t="s">
        <v>30</v>
      </c>
      <c r="J13" s="73" t="s">
        <v>30</v>
      </c>
      <c r="K13" s="73" t="s">
        <v>30</v>
      </c>
      <c r="L13" s="73" t="s">
        <v>30</v>
      </c>
      <c r="M13" s="73" t="s">
        <v>30</v>
      </c>
      <c r="N13" s="73"/>
      <c r="O13" s="73" t="s">
        <v>140</v>
      </c>
      <c r="P13" s="73"/>
    </row>
    <row r="14" spans="1:16" x14ac:dyDescent="0.35">
      <c r="A14" s="73">
        <v>12</v>
      </c>
      <c r="B14" s="75"/>
      <c r="C14" s="75"/>
      <c r="D14" s="73"/>
      <c r="E14" s="73"/>
      <c r="F14" s="73"/>
      <c r="G14" s="73"/>
      <c r="H14" s="73" t="s">
        <v>30</v>
      </c>
      <c r="I14" s="73" t="s">
        <v>30</v>
      </c>
      <c r="J14" s="73" t="s">
        <v>30</v>
      </c>
      <c r="K14" s="73" t="s">
        <v>30</v>
      </c>
      <c r="L14" s="73" t="s">
        <v>30</v>
      </c>
      <c r="M14" s="73" t="s">
        <v>30</v>
      </c>
      <c r="N14" s="73"/>
      <c r="O14" s="73" t="s">
        <v>140</v>
      </c>
      <c r="P14" s="73"/>
    </row>
    <row r="15" spans="1:16" x14ac:dyDescent="0.35">
      <c r="A15" s="73">
        <v>13</v>
      </c>
      <c r="B15" s="75"/>
      <c r="C15" s="75"/>
      <c r="D15" s="73"/>
      <c r="E15" s="73"/>
      <c r="F15" s="73"/>
      <c r="G15" s="73"/>
      <c r="H15" s="73" t="s">
        <v>30</v>
      </c>
      <c r="I15" s="73" t="s">
        <v>30</v>
      </c>
      <c r="J15" s="73" t="s">
        <v>30</v>
      </c>
      <c r="K15" s="73" t="s">
        <v>30</v>
      </c>
      <c r="L15" s="73" t="s">
        <v>30</v>
      </c>
      <c r="M15" s="73" t="s">
        <v>30</v>
      </c>
      <c r="N15" s="73"/>
      <c r="O15" s="73" t="s">
        <v>140</v>
      </c>
      <c r="P15" s="73"/>
    </row>
    <row r="16" spans="1:16" x14ac:dyDescent="0.35">
      <c r="A16" s="73">
        <v>14</v>
      </c>
      <c r="B16" s="75"/>
      <c r="C16" s="75"/>
      <c r="D16" s="73"/>
      <c r="E16" s="73"/>
      <c r="F16" s="73"/>
      <c r="G16" s="73"/>
      <c r="H16" s="73" t="s">
        <v>30</v>
      </c>
      <c r="I16" s="73" t="s">
        <v>30</v>
      </c>
      <c r="J16" s="73" t="s">
        <v>30</v>
      </c>
      <c r="K16" s="73" t="s">
        <v>30</v>
      </c>
      <c r="L16" s="73" t="s">
        <v>30</v>
      </c>
      <c r="M16" s="73" t="s">
        <v>30</v>
      </c>
      <c r="N16" s="73"/>
      <c r="O16" s="73" t="s">
        <v>140</v>
      </c>
      <c r="P16" s="73"/>
    </row>
    <row r="17" spans="1:16" x14ac:dyDescent="0.35">
      <c r="A17" s="73">
        <v>15</v>
      </c>
      <c r="B17" s="75"/>
      <c r="C17" s="75"/>
      <c r="D17" s="73"/>
      <c r="E17" s="73"/>
      <c r="F17" s="73"/>
      <c r="G17" s="73"/>
      <c r="H17" s="73" t="s">
        <v>30</v>
      </c>
      <c r="I17" s="73" t="s">
        <v>30</v>
      </c>
      <c r="J17" s="73" t="s">
        <v>30</v>
      </c>
      <c r="K17" s="73" t="s">
        <v>30</v>
      </c>
      <c r="L17" s="73" t="s">
        <v>30</v>
      </c>
      <c r="M17" s="73" t="s">
        <v>30</v>
      </c>
      <c r="N17" s="73"/>
      <c r="O17" s="73" t="s">
        <v>140</v>
      </c>
      <c r="P17" s="73"/>
    </row>
    <row r="18" spans="1:16" x14ac:dyDescent="0.35">
      <c r="A18" s="73">
        <v>16</v>
      </c>
      <c r="B18" s="75"/>
      <c r="C18" s="75"/>
      <c r="D18" s="73"/>
      <c r="E18" s="73"/>
      <c r="F18" s="73"/>
      <c r="G18" s="73"/>
      <c r="H18" s="73" t="s">
        <v>30</v>
      </c>
      <c r="I18" s="73" t="s">
        <v>30</v>
      </c>
      <c r="J18" s="73" t="s">
        <v>30</v>
      </c>
      <c r="K18" s="73" t="s">
        <v>30</v>
      </c>
      <c r="L18" s="73" t="s">
        <v>30</v>
      </c>
      <c r="M18" s="73" t="s">
        <v>30</v>
      </c>
      <c r="N18" s="73"/>
      <c r="O18" s="73" t="s">
        <v>139</v>
      </c>
      <c r="P18" s="73"/>
    </row>
    <row r="19" spans="1:16" x14ac:dyDescent="0.35">
      <c r="A19" s="73">
        <v>17</v>
      </c>
      <c r="B19" s="75"/>
      <c r="C19" s="75"/>
      <c r="D19" s="73"/>
      <c r="E19" s="73"/>
      <c r="F19" s="73"/>
      <c r="G19" s="73"/>
      <c r="H19" s="73" t="s">
        <v>30</v>
      </c>
      <c r="I19" s="73" t="s">
        <v>30</v>
      </c>
      <c r="J19" s="73" t="s">
        <v>30</v>
      </c>
      <c r="K19" s="73" t="s">
        <v>30</v>
      </c>
      <c r="L19" s="73" t="s">
        <v>30</v>
      </c>
      <c r="M19" s="73" t="s">
        <v>30</v>
      </c>
      <c r="N19" s="73"/>
      <c r="O19" s="73" t="s">
        <v>139</v>
      </c>
      <c r="P19" s="73"/>
    </row>
    <row r="20" spans="1:16" x14ac:dyDescent="0.35">
      <c r="A20" s="73">
        <v>18</v>
      </c>
      <c r="B20" s="75"/>
      <c r="C20" s="75"/>
      <c r="D20" s="73"/>
      <c r="E20" s="73"/>
      <c r="F20" s="73"/>
      <c r="G20" s="73"/>
      <c r="H20" s="73" t="s">
        <v>30</v>
      </c>
      <c r="I20" s="73" t="s">
        <v>30</v>
      </c>
      <c r="J20" s="73" t="s">
        <v>30</v>
      </c>
      <c r="K20" s="73" t="s">
        <v>30</v>
      </c>
      <c r="L20" s="73" t="s">
        <v>30</v>
      </c>
      <c r="M20" s="73" t="s">
        <v>30</v>
      </c>
      <c r="N20" s="73"/>
      <c r="O20" s="73" t="s">
        <v>140</v>
      </c>
      <c r="P20" s="73"/>
    </row>
    <row r="21" spans="1:16" x14ac:dyDescent="0.35">
      <c r="A21" s="73">
        <v>19</v>
      </c>
      <c r="B21" s="75"/>
      <c r="C21" s="75"/>
      <c r="D21" s="73"/>
      <c r="E21" s="73"/>
      <c r="F21" s="73"/>
      <c r="G21" s="73"/>
      <c r="H21" s="73" t="s">
        <v>30</v>
      </c>
      <c r="I21" s="73" t="s">
        <v>30</v>
      </c>
      <c r="J21" s="73" t="s">
        <v>30</v>
      </c>
      <c r="K21" s="73" t="s">
        <v>30</v>
      </c>
      <c r="L21" s="73" t="s">
        <v>30</v>
      </c>
      <c r="M21" s="73" t="s">
        <v>30</v>
      </c>
      <c r="N21" s="73"/>
      <c r="O21" s="73" t="s">
        <v>140</v>
      </c>
      <c r="P21" s="73"/>
    </row>
    <row r="22" spans="1:16" x14ac:dyDescent="0.35">
      <c r="A22" s="73">
        <v>20</v>
      </c>
      <c r="B22" s="75"/>
      <c r="C22" s="75"/>
      <c r="D22" s="73"/>
      <c r="E22" s="73"/>
      <c r="F22" s="73"/>
      <c r="G22" s="73"/>
      <c r="H22" s="73" t="s">
        <v>30</v>
      </c>
      <c r="I22" s="73" t="s">
        <v>30</v>
      </c>
      <c r="J22" s="73" t="s">
        <v>30</v>
      </c>
      <c r="K22" s="73" t="s">
        <v>30</v>
      </c>
      <c r="L22" s="73" t="s">
        <v>30</v>
      </c>
      <c r="M22" s="73" t="s">
        <v>30</v>
      </c>
      <c r="N22" s="73"/>
      <c r="O22" s="73" t="s">
        <v>140</v>
      </c>
      <c r="P22" s="73"/>
    </row>
    <row r="23" spans="1:16" x14ac:dyDescent="0.35">
      <c r="A23" s="73">
        <v>21</v>
      </c>
      <c r="B23" s="75"/>
      <c r="C23" s="75"/>
      <c r="D23" s="73"/>
      <c r="E23" s="73"/>
      <c r="F23" s="73"/>
      <c r="G23" s="73"/>
      <c r="H23" s="73" t="s">
        <v>30</v>
      </c>
      <c r="I23" s="73" t="s">
        <v>30</v>
      </c>
      <c r="J23" s="73" t="s">
        <v>30</v>
      </c>
      <c r="K23" s="73" t="s">
        <v>30</v>
      </c>
      <c r="L23" s="73" t="s">
        <v>30</v>
      </c>
      <c r="M23" s="73" t="s">
        <v>30</v>
      </c>
      <c r="N23" s="73"/>
      <c r="O23" s="73" t="s">
        <v>140</v>
      </c>
      <c r="P23" s="73"/>
    </row>
    <row r="24" spans="1:16" x14ac:dyDescent="0.35">
      <c r="A24" s="73">
        <v>22</v>
      </c>
      <c r="B24" s="75"/>
      <c r="C24" s="75"/>
      <c r="D24" s="73"/>
      <c r="E24" s="73"/>
      <c r="F24" s="73"/>
      <c r="G24" s="73"/>
      <c r="H24" s="73" t="s">
        <v>30</v>
      </c>
      <c r="I24" s="73" t="s">
        <v>30</v>
      </c>
      <c r="J24" s="73" t="s">
        <v>30</v>
      </c>
      <c r="K24" s="73" t="s">
        <v>30</v>
      </c>
      <c r="L24" s="73" t="s">
        <v>30</v>
      </c>
      <c r="M24" s="73" t="s">
        <v>30</v>
      </c>
      <c r="N24" s="73"/>
      <c r="O24" s="73" t="s">
        <v>139</v>
      </c>
      <c r="P24" s="73"/>
    </row>
    <row r="25" spans="1:16" x14ac:dyDescent="0.35">
      <c r="A25" s="73">
        <v>23</v>
      </c>
      <c r="B25" s="75"/>
      <c r="C25" s="75"/>
      <c r="D25" s="73"/>
      <c r="E25" s="73"/>
      <c r="F25" s="73"/>
      <c r="G25" s="73"/>
      <c r="H25" s="73" t="s">
        <v>30</v>
      </c>
      <c r="I25" s="73" t="s">
        <v>30</v>
      </c>
      <c r="J25" s="73" t="s">
        <v>30</v>
      </c>
      <c r="K25" s="73" t="s">
        <v>30</v>
      </c>
      <c r="L25" s="73" t="s">
        <v>30</v>
      </c>
      <c r="M25" s="73" t="s">
        <v>30</v>
      </c>
      <c r="N25" s="73"/>
      <c r="O25" s="73" t="s">
        <v>140</v>
      </c>
      <c r="P25" s="73"/>
    </row>
    <row r="26" spans="1:16" x14ac:dyDescent="0.35">
      <c r="A26" s="73">
        <v>24</v>
      </c>
      <c r="B26" s="75"/>
      <c r="C26" s="75"/>
      <c r="D26" s="73"/>
      <c r="E26" s="73"/>
      <c r="F26" s="73"/>
      <c r="G26" s="73"/>
      <c r="H26" s="73" t="s">
        <v>30</v>
      </c>
      <c r="I26" s="73" t="s">
        <v>30</v>
      </c>
      <c r="J26" s="73" t="s">
        <v>30</v>
      </c>
      <c r="K26" s="73" t="s">
        <v>30</v>
      </c>
      <c r="L26" s="73" t="s">
        <v>30</v>
      </c>
      <c r="M26" s="73" t="s">
        <v>30</v>
      </c>
      <c r="N26" s="73"/>
      <c r="O26" s="73" t="s">
        <v>140</v>
      </c>
      <c r="P26" s="73"/>
    </row>
    <row r="27" spans="1:16" x14ac:dyDescent="0.35">
      <c r="A27" s="73">
        <v>25</v>
      </c>
      <c r="B27" s="75"/>
      <c r="C27" s="75"/>
      <c r="D27" s="73"/>
      <c r="E27" s="73"/>
      <c r="F27" s="73"/>
      <c r="G27" s="73"/>
      <c r="H27" s="73" t="s">
        <v>30</v>
      </c>
      <c r="I27" s="73" t="s">
        <v>30</v>
      </c>
      <c r="J27" s="73" t="s">
        <v>30</v>
      </c>
      <c r="K27" s="73" t="s">
        <v>30</v>
      </c>
      <c r="L27" s="73" t="s">
        <v>30</v>
      </c>
      <c r="M27" s="73" t="s">
        <v>30</v>
      </c>
      <c r="N27" s="73"/>
      <c r="O27" s="73" t="s">
        <v>140</v>
      </c>
      <c r="P27" s="73"/>
    </row>
    <row r="28" spans="1:16" x14ac:dyDescent="0.35">
      <c r="A28" s="73">
        <v>26</v>
      </c>
      <c r="B28" s="75"/>
      <c r="C28" s="75"/>
      <c r="D28" s="73"/>
      <c r="E28" s="73"/>
      <c r="F28" s="73"/>
      <c r="G28" s="73"/>
      <c r="H28" s="73" t="s">
        <v>30</v>
      </c>
      <c r="I28" s="73" t="s">
        <v>30</v>
      </c>
      <c r="J28" s="73" t="s">
        <v>30</v>
      </c>
      <c r="K28" s="73" t="s">
        <v>30</v>
      </c>
      <c r="L28" s="73" t="s">
        <v>30</v>
      </c>
      <c r="M28" s="73" t="s">
        <v>30</v>
      </c>
      <c r="N28" s="73"/>
      <c r="O28" s="73" t="s">
        <v>140</v>
      </c>
      <c r="P28" s="73"/>
    </row>
    <row r="29" spans="1:16" x14ac:dyDescent="0.35">
      <c r="A29" s="73">
        <v>27</v>
      </c>
      <c r="B29" s="75"/>
      <c r="C29" s="75"/>
      <c r="D29" s="73"/>
      <c r="E29" s="73"/>
      <c r="F29" s="73"/>
      <c r="G29" s="73"/>
      <c r="H29" s="73" t="s">
        <v>30</v>
      </c>
      <c r="I29" s="73" t="s">
        <v>30</v>
      </c>
      <c r="J29" s="73" t="s">
        <v>30</v>
      </c>
      <c r="K29" s="73" t="s">
        <v>30</v>
      </c>
      <c r="L29" s="73" t="s">
        <v>30</v>
      </c>
      <c r="M29" s="73" t="s">
        <v>30</v>
      </c>
      <c r="N29" s="73"/>
      <c r="O29" s="73" t="s">
        <v>140</v>
      </c>
      <c r="P29" s="73"/>
    </row>
    <row r="30" spans="1:16" x14ac:dyDescent="0.35">
      <c r="A30" s="73">
        <v>28</v>
      </c>
      <c r="B30" s="75"/>
      <c r="C30" s="75"/>
      <c r="D30" s="73"/>
      <c r="E30" s="73"/>
      <c r="F30" s="73"/>
      <c r="G30" s="73"/>
      <c r="H30" s="73" t="s">
        <v>30</v>
      </c>
      <c r="I30" s="73" t="s">
        <v>30</v>
      </c>
      <c r="J30" s="73" t="s">
        <v>30</v>
      </c>
      <c r="K30" s="73" t="s">
        <v>30</v>
      </c>
      <c r="L30" s="73" t="s">
        <v>30</v>
      </c>
      <c r="M30" s="73" t="s">
        <v>30</v>
      </c>
      <c r="N30" s="73"/>
      <c r="O30" s="73" t="s">
        <v>140</v>
      </c>
      <c r="P30" s="73"/>
    </row>
    <row r="31" spans="1:16" x14ac:dyDescent="0.35">
      <c r="A31" s="73">
        <v>29</v>
      </c>
      <c r="B31" s="75"/>
      <c r="C31" s="75"/>
      <c r="D31" s="73"/>
      <c r="E31" s="73"/>
      <c r="F31" s="73"/>
      <c r="G31" s="73"/>
      <c r="H31" s="73" t="s">
        <v>30</v>
      </c>
      <c r="I31" s="73" t="s">
        <v>30</v>
      </c>
      <c r="J31" s="73" t="s">
        <v>30</v>
      </c>
      <c r="K31" s="73" t="s">
        <v>30</v>
      </c>
      <c r="L31" s="73" t="s">
        <v>30</v>
      </c>
      <c r="M31" s="73" t="s">
        <v>30</v>
      </c>
      <c r="N31" s="73"/>
      <c r="O31" s="73" t="s">
        <v>139</v>
      </c>
      <c r="P31" s="73"/>
    </row>
    <row r="32" spans="1:16" x14ac:dyDescent="0.35">
      <c r="A32" s="73">
        <v>30</v>
      </c>
      <c r="B32" s="75"/>
      <c r="C32" s="75"/>
      <c r="D32" s="73"/>
      <c r="E32" s="73"/>
      <c r="F32" s="73"/>
      <c r="G32" s="73"/>
      <c r="H32" s="73" t="s">
        <v>30</v>
      </c>
      <c r="I32" s="73" t="s">
        <v>30</v>
      </c>
      <c r="J32" s="73" t="s">
        <v>30</v>
      </c>
      <c r="K32" s="73" t="s">
        <v>30</v>
      </c>
      <c r="L32" s="73" t="s">
        <v>30</v>
      </c>
      <c r="M32" s="73" t="s">
        <v>30</v>
      </c>
      <c r="N32" s="73"/>
      <c r="O32" s="73" t="s">
        <v>139</v>
      </c>
      <c r="P32" s="73"/>
    </row>
    <row r="33" spans="1:16" x14ac:dyDescent="0.35">
      <c r="A33" s="73">
        <v>31</v>
      </c>
      <c r="B33" s="75"/>
      <c r="C33" s="75"/>
      <c r="D33" s="73"/>
      <c r="E33" s="73"/>
      <c r="F33" s="73"/>
      <c r="G33" s="73"/>
      <c r="H33" s="73" t="s">
        <v>30</v>
      </c>
      <c r="I33" s="73" t="s">
        <v>30</v>
      </c>
      <c r="J33" s="73" t="s">
        <v>30</v>
      </c>
      <c r="K33" s="73" t="s">
        <v>30</v>
      </c>
      <c r="L33" s="73" t="s">
        <v>30</v>
      </c>
      <c r="M33" s="73" t="s">
        <v>30</v>
      </c>
      <c r="N33" s="73"/>
      <c r="O33" s="73" t="s">
        <v>139</v>
      </c>
      <c r="P33" s="73"/>
    </row>
    <row r="34" spans="1:16" x14ac:dyDescent="0.35">
      <c r="A34" s="73">
        <v>32</v>
      </c>
      <c r="B34" s="75"/>
      <c r="C34" s="75"/>
      <c r="D34" s="73"/>
      <c r="E34" s="73"/>
      <c r="F34" s="73"/>
      <c r="G34" s="73"/>
      <c r="H34" s="73" t="s">
        <v>30</v>
      </c>
      <c r="I34" s="73" t="s">
        <v>30</v>
      </c>
      <c r="J34" s="73" t="s">
        <v>30</v>
      </c>
      <c r="K34" s="73" t="s">
        <v>30</v>
      </c>
      <c r="L34" s="73" t="s">
        <v>30</v>
      </c>
      <c r="M34" s="73" t="s">
        <v>30</v>
      </c>
      <c r="N34" s="73"/>
      <c r="O34" s="73" t="s">
        <v>139</v>
      </c>
      <c r="P34" s="73"/>
    </row>
    <row r="35" spans="1:16" x14ac:dyDescent="0.35">
      <c r="A35" s="73">
        <v>33</v>
      </c>
      <c r="B35" s="75"/>
      <c r="C35" s="75"/>
      <c r="D35" s="73"/>
      <c r="E35" s="73"/>
      <c r="F35" s="73"/>
      <c r="G35" s="73"/>
      <c r="H35" s="73" t="s">
        <v>30</v>
      </c>
      <c r="I35" s="73" t="s">
        <v>30</v>
      </c>
      <c r="J35" s="73" t="s">
        <v>30</v>
      </c>
      <c r="K35" s="73" t="s">
        <v>30</v>
      </c>
      <c r="L35" s="73" t="s">
        <v>30</v>
      </c>
      <c r="M35" s="73" t="s">
        <v>30</v>
      </c>
      <c r="N35" s="73"/>
      <c r="O35" s="73" t="s">
        <v>139</v>
      </c>
      <c r="P35" s="73"/>
    </row>
    <row r="36" spans="1:16" x14ac:dyDescent="0.35">
      <c r="A36" s="73">
        <v>34</v>
      </c>
      <c r="B36" s="75"/>
      <c r="C36" s="75"/>
      <c r="D36" s="73"/>
      <c r="E36" s="73"/>
      <c r="F36" s="73"/>
      <c r="G36" s="73"/>
      <c r="H36" s="73" t="s">
        <v>30</v>
      </c>
      <c r="I36" s="73" t="s">
        <v>30</v>
      </c>
      <c r="J36" s="73" t="s">
        <v>30</v>
      </c>
      <c r="K36" s="73" t="s">
        <v>30</v>
      </c>
      <c r="L36" s="73" t="s">
        <v>30</v>
      </c>
      <c r="M36" s="73" t="s">
        <v>30</v>
      </c>
      <c r="N36" s="73"/>
      <c r="O36" s="73" t="s">
        <v>139</v>
      </c>
      <c r="P36" s="73"/>
    </row>
    <row r="37" spans="1:16" x14ac:dyDescent="0.35">
      <c r="A37" s="73">
        <v>35</v>
      </c>
      <c r="B37" s="73"/>
      <c r="C37" s="73"/>
      <c r="D37" s="73"/>
      <c r="E37" s="73"/>
      <c r="F37" s="73" t="s">
        <v>30</v>
      </c>
      <c r="G37" s="73" t="s">
        <v>30</v>
      </c>
      <c r="H37" s="73" t="s">
        <v>30</v>
      </c>
      <c r="I37" s="73" t="s">
        <v>30</v>
      </c>
      <c r="J37" s="73" t="s">
        <v>30</v>
      </c>
      <c r="K37" s="73" t="s">
        <v>30</v>
      </c>
      <c r="L37" s="73" t="s">
        <v>30</v>
      </c>
      <c r="M37" s="73" t="s">
        <v>30</v>
      </c>
      <c r="N37" s="73"/>
      <c r="O37" s="73" t="s">
        <v>139</v>
      </c>
      <c r="P37" s="73"/>
    </row>
    <row r="38" spans="1:16" x14ac:dyDescent="0.35">
      <c r="A38" s="73">
        <v>36</v>
      </c>
      <c r="B38" s="73"/>
      <c r="C38" s="73"/>
      <c r="D38" s="73"/>
      <c r="E38" s="73"/>
      <c r="F38" s="73" t="s">
        <v>30</v>
      </c>
      <c r="G38" s="73" t="s">
        <v>30</v>
      </c>
      <c r="H38" s="73" t="s">
        <v>30</v>
      </c>
      <c r="I38" s="73" t="s">
        <v>30</v>
      </c>
      <c r="J38" s="73" t="s">
        <v>30</v>
      </c>
      <c r="K38" s="73" t="s">
        <v>30</v>
      </c>
      <c r="L38" s="73" t="s">
        <v>30</v>
      </c>
      <c r="M38" s="73" t="s">
        <v>30</v>
      </c>
      <c r="N38" s="73"/>
      <c r="O38" s="73" t="s">
        <v>139</v>
      </c>
      <c r="P38" s="73"/>
    </row>
    <row r="39" spans="1:16" x14ac:dyDescent="0.35">
      <c r="A39" s="73">
        <v>37</v>
      </c>
      <c r="B39" s="73"/>
      <c r="C39" s="73"/>
      <c r="D39" s="73"/>
      <c r="E39" s="73"/>
      <c r="F39" s="73" t="s">
        <v>30</v>
      </c>
      <c r="G39" s="73" t="s">
        <v>30</v>
      </c>
      <c r="H39" s="73" t="s">
        <v>30</v>
      </c>
      <c r="I39" s="73" t="s">
        <v>30</v>
      </c>
      <c r="J39" s="73" t="s">
        <v>30</v>
      </c>
      <c r="K39" s="73" t="s">
        <v>30</v>
      </c>
      <c r="L39" s="73" t="s">
        <v>30</v>
      </c>
      <c r="M39" s="73" t="s">
        <v>30</v>
      </c>
      <c r="N39" s="73"/>
      <c r="O39" s="73" t="s">
        <v>139</v>
      </c>
      <c r="P39" s="73"/>
    </row>
    <row r="40" spans="1:16" x14ac:dyDescent="0.35">
      <c r="A40" s="73">
        <v>38</v>
      </c>
      <c r="B40" s="73"/>
      <c r="C40" s="73"/>
      <c r="D40" s="73"/>
      <c r="E40" s="73"/>
      <c r="F40" s="73" t="s">
        <v>30</v>
      </c>
      <c r="G40" s="73" t="s">
        <v>30</v>
      </c>
      <c r="H40" s="73" t="s">
        <v>30</v>
      </c>
      <c r="I40" s="73" t="s">
        <v>30</v>
      </c>
      <c r="J40" s="73" t="s">
        <v>30</v>
      </c>
      <c r="K40" s="73" t="s">
        <v>30</v>
      </c>
      <c r="L40" s="73" t="s">
        <v>30</v>
      </c>
      <c r="M40" s="73" t="s">
        <v>30</v>
      </c>
      <c r="N40" s="73"/>
      <c r="O40" s="73" t="s">
        <v>139</v>
      </c>
      <c r="P40" s="73"/>
    </row>
    <row r="41" spans="1:16" x14ac:dyDescent="0.35">
      <c r="A41" s="73">
        <v>39</v>
      </c>
      <c r="B41" s="73"/>
      <c r="C41" s="73"/>
      <c r="D41" s="73"/>
      <c r="E41" s="73"/>
      <c r="F41" s="73" t="s">
        <v>30</v>
      </c>
      <c r="G41" s="73" t="s">
        <v>30</v>
      </c>
      <c r="H41" s="73" t="s">
        <v>30</v>
      </c>
      <c r="I41" s="73" t="s">
        <v>30</v>
      </c>
      <c r="J41" s="73" t="s">
        <v>30</v>
      </c>
      <c r="K41" s="73" t="s">
        <v>30</v>
      </c>
      <c r="L41" s="73" t="s">
        <v>30</v>
      </c>
      <c r="M41" s="73" t="s">
        <v>30</v>
      </c>
      <c r="N41" s="73"/>
      <c r="O41" s="73" t="s">
        <v>139</v>
      </c>
      <c r="P41" s="73"/>
    </row>
    <row r="42" spans="1:16" x14ac:dyDescent="0.35">
      <c r="A42" s="73">
        <v>40</v>
      </c>
      <c r="B42" s="73"/>
      <c r="C42" s="73"/>
      <c r="D42" s="73"/>
      <c r="E42" s="73"/>
      <c r="F42" s="73" t="s">
        <v>30</v>
      </c>
      <c r="G42" s="73" t="s">
        <v>30</v>
      </c>
      <c r="H42" s="73" t="s">
        <v>30</v>
      </c>
      <c r="I42" s="73" t="s">
        <v>30</v>
      </c>
      <c r="J42" s="73" t="s">
        <v>30</v>
      </c>
      <c r="K42" s="73" t="s">
        <v>30</v>
      </c>
      <c r="L42" s="73" t="s">
        <v>30</v>
      </c>
      <c r="M42" s="73" t="s">
        <v>30</v>
      </c>
      <c r="N42" s="73"/>
      <c r="O42" s="73" t="s">
        <v>139</v>
      </c>
      <c r="P42" s="73"/>
    </row>
    <row r="43" spans="1:16" x14ac:dyDescent="0.35">
      <c r="A43" s="73">
        <v>41</v>
      </c>
      <c r="B43" s="73"/>
      <c r="C43" s="73"/>
      <c r="D43" s="73"/>
      <c r="E43" s="73"/>
      <c r="F43" s="73" t="s">
        <v>30</v>
      </c>
      <c r="G43" s="73" t="s">
        <v>30</v>
      </c>
      <c r="H43" s="73" t="s">
        <v>30</v>
      </c>
      <c r="I43" s="73" t="s">
        <v>30</v>
      </c>
      <c r="J43" s="73" t="s">
        <v>30</v>
      </c>
      <c r="K43" s="73" t="s">
        <v>30</v>
      </c>
      <c r="L43" s="73" t="s">
        <v>30</v>
      </c>
      <c r="M43" s="73" t="s">
        <v>30</v>
      </c>
      <c r="N43" s="73"/>
      <c r="O43" s="73" t="s">
        <v>139</v>
      </c>
      <c r="P43" s="73"/>
    </row>
    <row r="44" spans="1:16" x14ac:dyDescent="0.35">
      <c r="A44" s="73">
        <v>42</v>
      </c>
      <c r="B44" s="73"/>
      <c r="C44" s="73"/>
      <c r="D44" s="73"/>
      <c r="E44" s="73"/>
      <c r="F44" s="73" t="s">
        <v>30</v>
      </c>
      <c r="G44" s="73" t="s">
        <v>30</v>
      </c>
      <c r="H44" s="73" t="s">
        <v>30</v>
      </c>
      <c r="I44" s="73" t="s">
        <v>30</v>
      </c>
      <c r="J44" s="73" t="s">
        <v>30</v>
      </c>
      <c r="K44" s="73" t="s">
        <v>30</v>
      </c>
      <c r="L44" s="73" t="s">
        <v>30</v>
      </c>
      <c r="M44" s="73" t="s">
        <v>30</v>
      </c>
      <c r="N44" s="73"/>
      <c r="O44" s="73" t="s">
        <v>139</v>
      </c>
      <c r="P44" s="73"/>
    </row>
    <row r="45" spans="1:16" x14ac:dyDescent="0.35">
      <c r="A45" s="73">
        <v>43</v>
      </c>
      <c r="B45" s="73"/>
      <c r="C45" s="73"/>
      <c r="D45" s="73"/>
      <c r="E45" s="73"/>
      <c r="F45" s="73" t="s">
        <v>30</v>
      </c>
      <c r="G45" s="73" t="s">
        <v>30</v>
      </c>
      <c r="H45" s="73" t="s">
        <v>30</v>
      </c>
      <c r="I45" s="73" t="s">
        <v>30</v>
      </c>
      <c r="J45" s="73" t="s">
        <v>30</v>
      </c>
      <c r="K45" s="73" t="s">
        <v>30</v>
      </c>
      <c r="L45" s="73" t="s">
        <v>30</v>
      </c>
      <c r="M45" s="73" t="s">
        <v>30</v>
      </c>
      <c r="N45" s="73" t="s">
        <v>30</v>
      </c>
      <c r="O45" s="73" t="s">
        <v>139</v>
      </c>
      <c r="P45" s="73"/>
    </row>
    <row r="46" spans="1:16" x14ac:dyDescent="0.35">
      <c r="A46" s="73">
        <v>44</v>
      </c>
      <c r="B46" s="73"/>
      <c r="C46" s="73"/>
      <c r="D46" s="73"/>
      <c r="E46" s="73"/>
      <c r="F46" s="73" t="s">
        <v>30</v>
      </c>
      <c r="G46" s="73" t="s">
        <v>30</v>
      </c>
      <c r="H46" s="73" t="s">
        <v>30</v>
      </c>
      <c r="I46" s="73" t="s">
        <v>30</v>
      </c>
      <c r="J46" s="73" t="s">
        <v>30</v>
      </c>
      <c r="K46" s="73" t="s">
        <v>30</v>
      </c>
      <c r="L46" s="73" t="s">
        <v>30</v>
      </c>
      <c r="M46" s="73" t="s">
        <v>30</v>
      </c>
      <c r="N46" s="73" t="s">
        <v>30</v>
      </c>
      <c r="O46" s="73" t="s">
        <v>139</v>
      </c>
      <c r="P46" s="73"/>
    </row>
    <row r="47" spans="1:16" x14ac:dyDescent="0.35">
      <c r="A47" s="73">
        <v>45</v>
      </c>
      <c r="B47" s="73"/>
      <c r="C47" s="73"/>
      <c r="D47" s="73"/>
      <c r="E47" s="73"/>
      <c r="F47" s="73" t="s">
        <v>30</v>
      </c>
      <c r="G47" s="73" t="s">
        <v>30</v>
      </c>
      <c r="H47" s="73" t="s">
        <v>30</v>
      </c>
      <c r="I47" s="73" t="s">
        <v>30</v>
      </c>
      <c r="J47" s="73" t="s">
        <v>30</v>
      </c>
      <c r="K47" s="73" t="s">
        <v>30</v>
      </c>
      <c r="L47" s="73" t="s">
        <v>30</v>
      </c>
      <c r="M47" s="73" t="s">
        <v>30</v>
      </c>
      <c r="N47" s="73" t="s">
        <v>30</v>
      </c>
      <c r="O47" s="73" t="s">
        <v>139</v>
      </c>
      <c r="P47" s="73"/>
    </row>
    <row r="48" spans="1:16" x14ac:dyDescent="0.35">
      <c r="A48" s="73">
        <v>46</v>
      </c>
      <c r="B48" s="73"/>
      <c r="C48" s="73"/>
      <c r="D48" s="73"/>
      <c r="E48" s="73"/>
      <c r="F48" s="73" t="s">
        <v>30</v>
      </c>
      <c r="G48" s="73" t="s">
        <v>30</v>
      </c>
      <c r="H48" s="73" t="s">
        <v>30</v>
      </c>
      <c r="I48" s="73" t="s">
        <v>30</v>
      </c>
      <c r="J48" s="73" t="s">
        <v>30</v>
      </c>
      <c r="K48" s="73" t="s">
        <v>30</v>
      </c>
      <c r="L48" s="73" t="s">
        <v>30</v>
      </c>
      <c r="M48" s="73" t="s">
        <v>30</v>
      </c>
      <c r="N48" s="73" t="s">
        <v>30</v>
      </c>
      <c r="O48" s="73" t="s">
        <v>139</v>
      </c>
      <c r="P48" s="73"/>
    </row>
    <row r="49" spans="1:16" x14ac:dyDescent="0.35">
      <c r="A49" s="73">
        <v>47</v>
      </c>
      <c r="B49" s="73"/>
      <c r="C49" s="73"/>
      <c r="D49" s="73"/>
      <c r="E49" s="73"/>
      <c r="F49" s="73" t="s">
        <v>30</v>
      </c>
      <c r="G49" s="73" t="s">
        <v>30</v>
      </c>
      <c r="H49" s="73" t="s">
        <v>30</v>
      </c>
      <c r="I49" s="73" t="s">
        <v>30</v>
      </c>
      <c r="J49" s="73" t="s">
        <v>30</v>
      </c>
      <c r="K49" s="73" t="s">
        <v>30</v>
      </c>
      <c r="L49" s="73" t="s">
        <v>30</v>
      </c>
      <c r="M49" s="73" t="s">
        <v>30</v>
      </c>
      <c r="N49" s="73" t="s">
        <v>30</v>
      </c>
      <c r="O49" s="73" t="s">
        <v>139</v>
      </c>
      <c r="P49" s="73"/>
    </row>
    <row r="50" spans="1:16" x14ac:dyDescent="0.35">
      <c r="A50" s="73">
        <v>48</v>
      </c>
      <c r="B50" s="73"/>
      <c r="C50" s="73"/>
      <c r="D50" s="73"/>
      <c r="E50" s="73"/>
      <c r="F50" s="73" t="s">
        <v>30</v>
      </c>
      <c r="G50" s="73" t="s">
        <v>30</v>
      </c>
      <c r="H50" s="73" t="s">
        <v>30</v>
      </c>
      <c r="I50" s="73" t="s">
        <v>30</v>
      </c>
      <c r="J50" s="73" t="s">
        <v>30</v>
      </c>
      <c r="K50" s="73" t="s">
        <v>30</v>
      </c>
      <c r="L50" s="73" t="s">
        <v>30</v>
      </c>
      <c r="M50" s="73" t="s">
        <v>30</v>
      </c>
      <c r="N50" s="73" t="s">
        <v>30</v>
      </c>
      <c r="O50" s="73" t="s">
        <v>139</v>
      </c>
      <c r="P50" s="73"/>
    </row>
    <row r="51" spans="1:16" x14ac:dyDescent="0.35">
      <c r="A51" s="73">
        <v>49</v>
      </c>
      <c r="B51" s="73"/>
      <c r="C51" s="73"/>
      <c r="D51" s="73"/>
      <c r="E51" s="73"/>
      <c r="F51" s="73" t="s">
        <v>30</v>
      </c>
      <c r="G51" s="73" t="s">
        <v>30</v>
      </c>
      <c r="H51" s="73" t="s">
        <v>30</v>
      </c>
      <c r="I51" s="73" t="s">
        <v>30</v>
      </c>
      <c r="J51" s="73" t="s">
        <v>30</v>
      </c>
      <c r="K51" s="73" t="s">
        <v>30</v>
      </c>
      <c r="L51" s="73" t="s">
        <v>30</v>
      </c>
      <c r="M51" s="73" t="s">
        <v>30</v>
      </c>
      <c r="N51" s="73" t="s">
        <v>30</v>
      </c>
      <c r="O51" s="73" t="s">
        <v>139</v>
      </c>
      <c r="P51" s="73"/>
    </row>
    <row r="52" spans="1:16" x14ac:dyDescent="0.35">
      <c r="A52" s="73">
        <v>50</v>
      </c>
      <c r="B52" s="73"/>
      <c r="C52" s="73"/>
      <c r="D52" s="73"/>
      <c r="E52" s="73"/>
      <c r="F52" s="73" t="s">
        <v>30</v>
      </c>
      <c r="G52" s="73" t="s">
        <v>30</v>
      </c>
      <c r="H52" s="73" t="s">
        <v>30</v>
      </c>
      <c r="I52" s="73" t="s">
        <v>30</v>
      </c>
      <c r="J52" s="73" t="s">
        <v>30</v>
      </c>
      <c r="K52" s="73" t="s">
        <v>30</v>
      </c>
      <c r="L52" s="73" t="s">
        <v>30</v>
      </c>
      <c r="M52" s="73" t="s">
        <v>30</v>
      </c>
      <c r="N52" s="73" t="s">
        <v>30</v>
      </c>
      <c r="O52" s="73" t="s">
        <v>139</v>
      </c>
      <c r="P52" s="73"/>
    </row>
  </sheetData>
  <sheetProtection algorithmName="SHA-512" hashValue="kEJaYphob5aywKu/syJUMjnFtyksWGDNvA7bG3dg+GGMN9HVBpojL6Izz3V0j0ql3q2w/xrmRNjywgkiNj1qRA==" saltValue="Y40Y+y4aaVUrqgWkqi+O2w==" spinCount="100000" sheet="1" objects="1" scenarios="1"/>
  <mergeCells count="1">
    <mergeCell ref="N2:O2"/>
  </mergeCells>
  <phoneticPr fontId="2"/>
  <dataValidations count="4">
    <dataValidation type="list" allowBlank="1" showInputMessage="1" showErrorMessage="1" sqref="N3:N52" xr:uid="{00000000-0002-0000-0300-000000000000}">
      <formula1>"　,7.その他"</formula1>
    </dataValidation>
    <dataValidation type="list" allowBlank="1" showInputMessage="1" showErrorMessage="1" sqref="F3:F52" xr:uid="{00000000-0002-0000-0300-000001000000}">
      <formula1>"　,1.有償,2.保証"</formula1>
    </dataValidation>
    <dataValidation type="list" allowBlank="1" showInputMessage="1" showErrorMessage="1" sqref="WVO983043:WVU983092 JC3:JI52 SY3:TE52 ACU3:ADA52 AMQ3:AMW52 AWM3:AWS52 BGI3:BGO52 BQE3:BQK52 CAA3:CAG52 CJW3:CKC52 CTS3:CTY52 DDO3:DDU52 DNK3:DNQ52 DXG3:DXM52 EHC3:EHI52 EQY3:ERE52 FAU3:FBA52 FKQ3:FKW52 FUM3:FUS52 GEI3:GEO52 GOE3:GOK52 GYA3:GYG52 HHW3:HIC52 HRS3:HRY52 IBO3:IBU52 ILK3:ILQ52 IVG3:IVM52 JFC3:JFI52 JOY3:JPE52 JYU3:JZA52 KIQ3:KIW52 KSM3:KSS52 LCI3:LCO52 LME3:LMK52 LWA3:LWG52 MFW3:MGC52 MPS3:MPY52 MZO3:MZU52 NJK3:NJQ52 NTG3:NTM52 ODC3:ODI52 OMY3:ONE52 OWU3:OXA52 PGQ3:PGW52 PQM3:PQS52 QAI3:QAO52 QKE3:QKK52 QUA3:QUG52 RDW3:REC52 RNS3:RNY52 RXO3:RXU52 SHK3:SHQ52 SRG3:SRM52 TBC3:TBI52 TKY3:TLE52 TUU3:TVA52 UEQ3:UEW52 UOM3:UOS52 UYI3:UYO52 VIE3:VIK52 VSA3:VSG52 WBW3:WCC52 WLS3:WLY52 WVO3:WVU52 H65539:N65588 JC65539:JI65588 SY65539:TE65588 ACU65539:ADA65588 AMQ65539:AMW65588 AWM65539:AWS65588 BGI65539:BGO65588 BQE65539:BQK65588 CAA65539:CAG65588 CJW65539:CKC65588 CTS65539:CTY65588 DDO65539:DDU65588 DNK65539:DNQ65588 DXG65539:DXM65588 EHC65539:EHI65588 EQY65539:ERE65588 FAU65539:FBA65588 FKQ65539:FKW65588 FUM65539:FUS65588 GEI65539:GEO65588 GOE65539:GOK65588 GYA65539:GYG65588 HHW65539:HIC65588 HRS65539:HRY65588 IBO65539:IBU65588 ILK65539:ILQ65588 IVG65539:IVM65588 JFC65539:JFI65588 JOY65539:JPE65588 JYU65539:JZA65588 KIQ65539:KIW65588 KSM65539:KSS65588 LCI65539:LCO65588 LME65539:LMK65588 LWA65539:LWG65588 MFW65539:MGC65588 MPS65539:MPY65588 MZO65539:MZU65588 NJK65539:NJQ65588 NTG65539:NTM65588 ODC65539:ODI65588 OMY65539:ONE65588 OWU65539:OXA65588 PGQ65539:PGW65588 PQM65539:PQS65588 QAI65539:QAO65588 QKE65539:QKK65588 QUA65539:QUG65588 RDW65539:REC65588 RNS65539:RNY65588 RXO65539:RXU65588 SHK65539:SHQ65588 SRG65539:SRM65588 TBC65539:TBI65588 TKY65539:TLE65588 TUU65539:TVA65588 UEQ65539:UEW65588 UOM65539:UOS65588 UYI65539:UYO65588 VIE65539:VIK65588 VSA65539:VSG65588 WBW65539:WCC65588 WLS65539:WLY65588 WVO65539:WVU65588 H131075:N131124 JC131075:JI131124 SY131075:TE131124 ACU131075:ADA131124 AMQ131075:AMW131124 AWM131075:AWS131124 BGI131075:BGO131124 BQE131075:BQK131124 CAA131075:CAG131124 CJW131075:CKC131124 CTS131075:CTY131124 DDO131075:DDU131124 DNK131075:DNQ131124 DXG131075:DXM131124 EHC131075:EHI131124 EQY131075:ERE131124 FAU131075:FBA131124 FKQ131075:FKW131124 FUM131075:FUS131124 GEI131075:GEO131124 GOE131075:GOK131124 GYA131075:GYG131124 HHW131075:HIC131124 HRS131075:HRY131124 IBO131075:IBU131124 ILK131075:ILQ131124 IVG131075:IVM131124 JFC131075:JFI131124 JOY131075:JPE131124 JYU131075:JZA131124 KIQ131075:KIW131124 KSM131075:KSS131124 LCI131075:LCO131124 LME131075:LMK131124 LWA131075:LWG131124 MFW131075:MGC131124 MPS131075:MPY131124 MZO131075:MZU131124 NJK131075:NJQ131124 NTG131075:NTM131124 ODC131075:ODI131124 OMY131075:ONE131124 OWU131075:OXA131124 PGQ131075:PGW131124 PQM131075:PQS131124 QAI131075:QAO131124 QKE131075:QKK131124 QUA131075:QUG131124 RDW131075:REC131124 RNS131075:RNY131124 RXO131075:RXU131124 SHK131075:SHQ131124 SRG131075:SRM131124 TBC131075:TBI131124 TKY131075:TLE131124 TUU131075:TVA131124 UEQ131075:UEW131124 UOM131075:UOS131124 UYI131075:UYO131124 VIE131075:VIK131124 VSA131075:VSG131124 WBW131075:WCC131124 WLS131075:WLY131124 WVO131075:WVU131124 H196611:N196660 JC196611:JI196660 SY196611:TE196660 ACU196611:ADA196660 AMQ196611:AMW196660 AWM196611:AWS196660 BGI196611:BGO196660 BQE196611:BQK196660 CAA196611:CAG196660 CJW196611:CKC196660 CTS196611:CTY196660 DDO196611:DDU196660 DNK196611:DNQ196660 DXG196611:DXM196660 EHC196611:EHI196660 EQY196611:ERE196660 FAU196611:FBA196660 FKQ196611:FKW196660 FUM196611:FUS196660 GEI196611:GEO196660 GOE196611:GOK196660 GYA196611:GYG196660 HHW196611:HIC196660 HRS196611:HRY196660 IBO196611:IBU196660 ILK196611:ILQ196660 IVG196611:IVM196660 JFC196611:JFI196660 JOY196611:JPE196660 JYU196611:JZA196660 KIQ196611:KIW196660 KSM196611:KSS196660 LCI196611:LCO196660 LME196611:LMK196660 LWA196611:LWG196660 MFW196611:MGC196660 MPS196611:MPY196660 MZO196611:MZU196660 NJK196611:NJQ196660 NTG196611:NTM196660 ODC196611:ODI196660 OMY196611:ONE196660 OWU196611:OXA196660 PGQ196611:PGW196660 PQM196611:PQS196660 QAI196611:QAO196660 QKE196611:QKK196660 QUA196611:QUG196660 RDW196611:REC196660 RNS196611:RNY196660 RXO196611:RXU196660 SHK196611:SHQ196660 SRG196611:SRM196660 TBC196611:TBI196660 TKY196611:TLE196660 TUU196611:TVA196660 UEQ196611:UEW196660 UOM196611:UOS196660 UYI196611:UYO196660 VIE196611:VIK196660 VSA196611:VSG196660 WBW196611:WCC196660 WLS196611:WLY196660 WVO196611:WVU196660 H262147:N262196 JC262147:JI262196 SY262147:TE262196 ACU262147:ADA262196 AMQ262147:AMW262196 AWM262147:AWS262196 BGI262147:BGO262196 BQE262147:BQK262196 CAA262147:CAG262196 CJW262147:CKC262196 CTS262147:CTY262196 DDO262147:DDU262196 DNK262147:DNQ262196 DXG262147:DXM262196 EHC262147:EHI262196 EQY262147:ERE262196 FAU262147:FBA262196 FKQ262147:FKW262196 FUM262147:FUS262196 GEI262147:GEO262196 GOE262147:GOK262196 GYA262147:GYG262196 HHW262147:HIC262196 HRS262147:HRY262196 IBO262147:IBU262196 ILK262147:ILQ262196 IVG262147:IVM262196 JFC262147:JFI262196 JOY262147:JPE262196 JYU262147:JZA262196 KIQ262147:KIW262196 KSM262147:KSS262196 LCI262147:LCO262196 LME262147:LMK262196 LWA262147:LWG262196 MFW262147:MGC262196 MPS262147:MPY262196 MZO262147:MZU262196 NJK262147:NJQ262196 NTG262147:NTM262196 ODC262147:ODI262196 OMY262147:ONE262196 OWU262147:OXA262196 PGQ262147:PGW262196 PQM262147:PQS262196 QAI262147:QAO262196 QKE262147:QKK262196 QUA262147:QUG262196 RDW262147:REC262196 RNS262147:RNY262196 RXO262147:RXU262196 SHK262147:SHQ262196 SRG262147:SRM262196 TBC262147:TBI262196 TKY262147:TLE262196 TUU262147:TVA262196 UEQ262147:UEW262196 UOM262147:UOS262196 UYI262147:UYO262196 VIE262147:VIK262196 VSA262147:VSG262196 WBW262147:WCC262196 WLS262147:WLY262196 WVO262147:WVU262196 H327683:N327732 JC327683:JI327732 SY327683:TE327732 ACU327683:ADA327732 AMQ327683:AMW327732 AWM327683:AWS327732 BGI327683:BGO327732 BQE327683:BQK327732 CAA327683:CAG327732 CJW327683:CKC327732 CTS327683:CTY327732 DDO327683:DDU327732 DNK327683:DNQ327732 DXG327683:DXM327732 EHC327683:EHI327732 EQY327683:ERE327732 FAU327683:FBA327732 FKQ327683:FKW327732 FUM327683:FUS327732 GEI327683:GEO327732 GOE327683:GOK327732 GYA327683:GYG327732 HHW327683:HIC327732 HRS327683:HRY327732 IBO327683:IBU327732 ILK327683:ILQ327732 IVG327683:IVM327732 JFC327683:JFI327732 JOY327683:JPE327732 JYU327683:JZA327732 KIQ327683:KIW327732 KSM327683:KSS327732 LCI327683:LCO327732 LME327683:LMK327732 LWA327683:LWG327732 MFW327683:MGC327732 MPS327683:MPY327732 MZO327683:MZU327732 NJK327683:NJQ327732 NTG327683:NTM327732 ODC327683:ODI327732 OMY327683:ONE327732 OWU327683:OXA327732 PGQ327683:PGW327732 PQM327683:PQS327732 QAI327683:QAO327732 QKE327683:QKK327732 QUA327683:QUG327732 RDW327683:REC327732 RNS327683:RNY327732 RXO327683:RXU327732 SHK327683:SHQ327732 SRG327683:SRM327732 TBC327683:TBI327732 TKY327683:TLE327732 TUU327683:TVA327732 UEQ327683:UEW327732 UOM327683:UOS327732 UYI327683:UYO327732 VIE327683:VIK327732 VSA327683:VSG327732 WBW327683:WCC327732 WLS327683:WLY327732 WVO327683:WVU327732 H393219:N393268 JC393219:JI393268 SY393219:TE393268 ACU393219:ADA393268 AMQ393219:AMW393268 AWM393219:AWS393268 BGI393219:BGO393268 BQE393219:BQK393268 CAA393219:CAG393268 CJW393219:CKC393268 CTS393219:CTY393268 DDO393219:DDU393268 DNK393219:DNQ393268 DXG393219:DXM393268 EHC393219:EHI393268 EQY393219:ERE393268 FAU393219:FBA393268 FKQ393219:FKW393268 FUM393219:FUS393268 GEI393219:GEO393268 GOE393219:GOK393268 GYA393219:GYG393268 HHW393219:HIC393268 HRS393219:HRY393268 IBO393219:IBU393268 ILK393219:ILQ393268 IVG393219:IVM393268 JFC393219:JFI393268 JOY393219:JPE393268 JYU393219:JZA393268 KIQ393219:KIW393268 KSM393219:KSS393268 LCI393219:LCO393268 LME393219:LMK393268 LWA393219:LWG393268 MFW393219:MGC393268 MPS393219:MPY393268 MZO393219:MZU393268 NJK393219:NJQ393268 NTG393219:NTM393268 ODC393219:ODI393268 OMY393219:ONE393268 OWU393219:OXA393268 PGQ393219:PGW393268 PQM393219:PQS393268 QAI393219:QAO393268 QKE393219:QKK393268 QUA393219:QUG393268 RDW393219:REC393268 RNS393219:RNY393268 RXO393219:RXU393268 SHK393219:SHQ393268 SRG393219:SRM393268 TBC393219:TBI393268 TKY393219:TLE393268 TUU393219:TVA393268 UEQ393219:UEW393268 UOM393219:UOS393268 UYI393219:UYO393268 VIE393219:VIK393268 VSA393219:VSG393268 WBW393219:WCC393268 WLS393219:WLY393268 WVO393219:WVU393268 H458755:N458804 JC458755:JI458804 SY458755:TE458804 ACU458755:ADA458804 AMQ458755:AMW458804 AWM458755:AWS458804 BGI458755:BGO458804 BQE458755:BQK458804 CAA458755:CAG458804 CJW458755:CKC458804 CTS458755:CTY458804 DDO458755:DDU458804 DNK458755:DNQ458804 DXG458755:DXM458804 EHC458755:EHI458804 EQY458755:ERE458804 FAU458755:FBA458804 FKQ458755:FKW458804 FUM458755:FUS458804 GEI458755:GEO458804 GOE458755:GOK458804 GYA458755:GYG458804 HHW458755:HIC458804 HRS458755:HRY458804 IBO458755:IBU458804 ILK458755:ILQ458804 IVG458755:IVM458804 JFC458755:JFI458804 JOY458755:JPE458804 JYU458755:JZA458804 KIQ458755:KIW458804 KSM458755:KSS458804 LCI458755:LCO458804 LME458755:LMK458804 LWA458755:LWG458804 MFW458755:MGC458804 MPS458755:MPY458804 MZO458755:MZU458804 NJK458755:NJQ458804 NTG458755:NTM458804 ODC458755:ODI458804 OMY458755:ONE458804 OWU458755:OXA458804 PGQ458755:PGW458804 PQM458755:PQS458804 QAI458755:QAO458804 QKE458755:QKK458804 QUA458755:QUG458804 RDW458755:REC458804 RNS458755:RNY458804 RXO458755:RXU458804 SHK458755:SHQ458804 SRG458755:SRM458804 TBC458755:TBI458804 TKY458755:TLE458804 TUU458755:TVA458804 UEQ458755:UEW458804 UOM458755:UOS458804 UYI458755:UYO458804 VIE458755:VIK458804 VSA458755:VSG458804 WBW458755:WCC458804 WLS458755:WLY458804 WVO458755:WVU458804 H524291:N524340 JC524291:JI524340 SY524291:TE524340 ACU524291:ADA524340 AMQ524291:AMW524340 AWM524291:AWS524340 BGI524291:BGO524340 BQE524291:BQK524340 CAA524291:CAG524340 CJW524291:CKC524340 CTS524291:CTY524340 DDO524291:DDU524340 DNK524291:DNQ524340 DXG524291:DXM524340 EHC524291:EHI524340 EQY524291:ERE524340 FAU524291:FBA524340 FKQ524291:FKW524340 FUM524291:FUS524340 GEI524291:GEO524340 GOE524291:GOK524340 GYA524291:GYG524340 HHW524291:HIC524340 HRS524291:HRY524340 IBO524291:IBU524340 ILK524291:ILQ524340 IVG524291:IVM524340 JFC524291:JFI524340 JOY524291:JPE524340 JYU524291:JZA524340 KIQ524291:KIW524340 KSM524291:KSS524340 LCI524291:LCO524340 LME524291:LMK524340 LWA524291:LWG524340 MFW524291:MGC524340 MPS524291:MPY524340 MZO524291:MZU524340 NJK524291:NJQ524340 NTG524291:NTM524340 ODC524291:ODI524340 OMY524291:ONE524340 OWU524291:OXA524340 PGQ524291:PGW524340 PQM524291:PQS524340 QAI524291:QAO524340 QKE524291:QKK524340 QUA524291:QUG524340 RDW524291:REC524340 RNS524291:RNY524340 RXO524291:RXU524340 SHK524291:SHQ524340 SRG524291:SRM524340 TBC524291:TBI524340 TKY524291:TLE524340 TUU524291:TVA524340 UEQ524291:UEW524340 UOM524291:UOS524340 UYI524291:UYO524340 VIE524291:VIK524340 VSA524291:VSG524340 WBW524291:WCC524340 WLS524291:WLY524340 WVO524291:WVU524340 H589827:N589876 JC589827:JI589876 SY589827:TE589876 ACU589827:ADA589876 AMQ589827:AMW589876 AWM589827:AWS589876 BGI589827:BGO589876 BQE589827:BQK589876 CAA589827:CAG589876 CJW589827:CKC589876 CTS589827:CTY589876 DDO589827:DDU589876 DNK589827:DNQ589876 DXG589827:DXM589876 EHC589827:EHI589876 EQY589827:ERE589876 FAU589827:FBA589876 FKQ589827:FKW589876 FUM589827:FUS589876 GEI589827:GEO589876 GOE589827:GOK589876 GYA589827:GYG589876 HHW589827:HIC589876 HRS589827:HRY589876 IBO589827:IBU589876 ILK589827:ILQ589876 IVG589827:IVM589876 JFC589827:JFI589876 JOY589827:JPE589876 JYU589827:JZA589876 KIQ589827:KIW589876 KSM589827:KSS589876 LCI589827:LCO589876 LME589827:LMK589876 LWA589827:LWG589876 MFW589827:MGC589876 MPS589827:MPY589876 MZO589827:MZU589876 NJK589827:NJQ589876 NTG589827:NTM589876 ODC589827:ODI589876 OMY589827:ONE589876 OWU589827:OXA589876 PGQ589827:PGW589876 PQM589827:PQS589876 QAI589827:QAO589876 QKE589827:QKK589876 QUA589827:QUG589876 RDW589827:REC589876 RNS589827:RNY589876 RXO589827:RXU589876 SHK589827:SHQ589876 SRG589827:SRM589876 TBC589827:TBI589876 TKY589827:TLE589876 TUU589827:TVA589876 UEQ589827:UEW589876 UOM589827:UOS589876 UYI589827:UYO589876 VIE589827:VIK589876 VSA589827:VSG589876 WBW589827:WCC589876 WLS589827:WLY589876 WVO589827:WVU589876 H655363:N655412 JC655363:JI655412 SY655363:TE655412 ACU655363:ADA655412 AMQ655363:AMW655412 AWM655363:AWS655412 BGI655363:BGO655412 BQE655363:BQK655412 CAA655363:CAG655412 CJW655363:CKC655412 CTS655363:CTY655412 DDO655363:DDU655412 DNK655363:DNQ655412 DXG655363:DXM655412 EHC655363:EHI655412 EQY655363:ERE655412 FAU655363:FBA655412 FKQ655363:FKW655412 FUM655363:FUS655412 GEI655363:GEO655412 GOE655363:GOK655412 GYA655363:GYG655412 HHW655363:HIC655412 HRS655363:HRY655412 IBO655363:IBU655412 ILK655363:ILQ655412 IVG655363:IVM655412 JFC655363:JFI655412 JOY655363:JPE655412 JYU655363:JZA655412 KIQ655363:KIW655412 KSM655363:KSS655412 LCI655363:LCO655412 LME655363:LMK655412 LWA655363:LWG655412 MFW655363:MGC655412 MPS655363:MPY655412 MZO655363:MZU655412 NJK655363:NJQ655412 NTG655363:NTM655412 ODC655363:ODI655412 OMY655363:ONE655412 OWU655363:OXA655412 PGQ655363:PGW655412 PQM655363:PQS655412 QAI655363:QAO655412 QKE655363:QKK655412 QUA655363:QUG655412 RDW655363:REC655412 RNS655363:RNY655412 RXO655363:RXU655412 SHK655363:SHQ655412 SRG655363:SRM655412 TBC655363:TBI655412 TKY655363:TLE655412 TUU655363:TVA655412 UEQ655363:UEW655412 UOM655363:UOS655412 UYI655363:UYO655412 VIE655363:VIK655412 VSA655363:VSG655412 WBW655363:WCC655412 WLS655363:WLY655412 WVO655363:WVU655412 H720899:N720948 JC720899:JI720948 SY720899:TE720948 ACU720899:ADA720948 AMQ720899:AMW720948 AWM720899:AWS720948 BGI720899:BGO720948 BQE720899:BQK720948 CAA720899:CAG720948 CJW720899:CKC720948 CTS720899:CTY720948 DDO720899:DDU720948 DNK720899:DNQ720948 DXG720899:DXM720948 EHC720899:EHI720948 EQY720899:ERE720948 FAU720899:FBA720948 FKQ720899:FKW720948 FUM720899:FUS720948 GEI720899:GEO720948 GOE720899:GOK720948 GYA720899:GYG720948 HHW720899:HIC720948 HRS720899:HRY720948 IBO720899:IBU720948 ILK720899:ILQ720948 IVG720899:IVM720948 JFC720899:JFI720948 JOY720899:JPE720948 JYU720899:JZA720948 KIQ720899:KIW720948 KSM720899:KSS720948 LCI720899:LCO720948 LME720899:LMK720948 LWA720899:LWG720948 MFW720899:MGC720948 MPS720899:MPY720948 MZO720899:MZU720948 NJK720899:NJQ720948 NTG720899:NTM720948 ODC720899:ODI720948 OMY720899:ONE720948 OWU720899:OXA720948 PGQ720899:PGW720948 PQM720899:PQS720948 QAI720899:QAO720948 QKE720899:QKK720948 QUA720899:QUG720948 RDW720899:REC720948 RNS720899:RNY720948 RXO720899:RXU720948 SHK720899:SHQ720948 SRG720899:SRM720948 TBC720899:TBI720948 TKY720899:TLE720948 TUU720899:TVA720948 UEQ720899:UEW720948 UOM720899:UOS720948 UYI720899:UYO720948 VIE720899:VIK720948 VSA720899:VSG720948 WBW720899:WCC720948 WLS720899:WLY720948 WVO720899:WVU720948 H786435:N786484 JC786435:JI786484 SY786435:TE786484 ACU786435:ADA786484 AMQ786435:AMW786484 AWM786435:AWS786484 BGI786435:BGO786484 BQE786435:BQK786484 CAA786435:CAG786484 CJW786435:CKC786484 CTS786435:CTY786484 DDO786435:DDU786484 DNK786435:DNQ786484 DXG786435:DXM786484 EHC786435:EHI786484 EQY786435:ERE786484 FAU786435:FBA786484 FKQ786435:FKW786484 FUM786435:FUS786484 GEI786435:GEO786484 GOE786435:GOK786484 GYA786435:GYG786484 HHW786435:HIC786484 HRS786435:HRY786484 IBO786435:IBU786484 ILK786435:ILQ786484 IVG786435:IVM786484 JFC786435:JFI786484 JOY786435:JPE786484 JYU786435:JZA786484 KIQ786435:KIW786484 KSM786435:KSS786484 LCI786435:LCO786484 LME786435:LMK786484 LWA786435:LWG786484 MFW786435:MGC786484 MPS786435:MPY786484 MZO786435:MZU786484 NJK786435:NJQ786484 NTG786435:NTM786484 ODC786435:ODI786484 OMY786435:ONE786484 OWU786435:OXA786484 PGQ786435:PGW786484 PQM786435:PQS786484 QAI786435:QAO786484 QKE786435:QKK786484 QUA786435:QUG786484 RDW786435:REC786484 RNS786435:RNY786484 RXO786435:RXU786484 SHK786435:SHQ786484 SRG786435:SRM786484 TBC786435:TBI786484 TKY786435:TLE786484 TUU786435:TVA786484 UEQ786435:UEW786484 UOM786435:UOS786484 UYI786435:UYO786484 VIE786435:VIK786484 VSA786435:VSG786484 WBW786435:WCC786484 WLS786435:WLY786484 WVO786435:WVU786484 H851971:N852020 JC851971:JI852020 SY851971:TE852020 ACU851971:ADA852020 AMQ851971:AMW852020 AWM851971:AWS852020 BGI851971:BGO852020 BQE851971:BQK852020 CAA851971:CAG852020 CJW851971:CKC852020 CTS851971:CTY852020 DDO851971:DDU852020 DNK851971:DNQ852020 DXG851971:DXM852020 EHC851971:EHI852020 EQY851971:ERE852020 FAU851971:FBA852020 FKQ851971:FKW852020 FUM851971:FUS852020 GEI851971:GEO852020 GOE851971:GOK852020 GYA851971:GYG852020 HHW851971:HIC852020 HRS851971:HRY852020 IBO851971:IBU852020 ILK851971:ILQ852020 IVG851971:IVM852020 JFC851971:JFI852020 JOY851971:JPE852020 JYU851971:JZA852020 KIQ851971:KIW852020 KSM851971:KSS852020 LCI851971:LCO852020 LME851971:LMK852020 LWA851971:LWG852020 MFW851971:MGC852020 MPS851971:MPY852020 MZO851971:MZU852020 NJK851971:NJQ852020 NTG851971:NTM852020 ODC851971:ODI852020 OMY851971:ONE852020 OWU851971:OXA852020 PGQ851971:PGW852020 PQM851971:PQS852020 QAI851971:QAO852020 QKE851971:QKK852020 QUA851971:QUG852020 RDW851971:REC852020 RNS851971:RNY852020 RXO851971:RXU852020 SHK851971:SHQ852020 SRG851971:SRM852020 TBC851971:TBI852020 TKY851971:TLE852020 TUU851971:TVA852020 UEQ851971:UEW852020 UOM851971:UOS852020 UYI851971:UYO852020 VIE851971:VIK852020 VSA851971:VSG852020 WBW851971:WCC852020 WLS851971:WLY852020 WVO851971:WVU852020 H917507:N917556 JC917507:JI917556 SY917507:TE917556 ACU917507:ADA917556 AMQ917507:AMW917556 AWM917507:AWS917556 BGI917507:BGO917556 BQE917507:BQK917556 CAA917507:CAG917556 CJW917507:CKC917556 CTS917507:CTY917556 DDO917507:DDU917556 DNK917507:DNQ917556 DXG917507:DXM917556 EHC917507:EHI917556 EQY917507:ERE917556 FAU917507:FBA917556 FKQ917507:FKW917556 FUM917507:FUS917556 GEI917507:GEO917556 GOE917507:GOK917556 GYA917507:GYG917556 HHW917507:HIC917556 HRS917507:HRY917556 IBO917507:IBU917556 ILK917507:ILQ917556 IVG917507:IVM917556 JFC917507:JFI917556 JOY917507:JPE917556 JYU917507:JZA917556 KIQ917507:KIW917556 KSM917507:KSS917556 LCI917507:LCO917556 LME917507:LMK917556 LWA917507:LWG917556 MFW917507:MGC917556 MPS917507:MPY917556 MZO917507:MZU917556 NJK917507:NJQ917556 NTG917507:NTM917556 ODC917507:ODI917556 OMY917507:ONE917556 OWU917507:OXA917556 PGQ917507:PGW917556 PQM917507:PQS917556 QAI917507:QAO917556 QKE917507:QKK917556 QUA917507:QUG917556 RDW917507:REC917556 RNS917507:RNY917556 RXO917507:RXU917556 SHK917507:SHQ917556 SRG917507:SRM917556 TBC917507:TBI917556 TKY917507:TLE917556 TUU917507:TVA917556 UEQ917507:UEW917556 UOM917507:UOS917556 UYI917507:UYO917556 VIE917507:VIK917556 VSA917507:VSG917556 WBW917507:WCC917556 WLS917507:WLY917556 WVO917507:WVU917556 H983043:N983092 JC983043:JI983092 SY983043:TE983092 ACU983043:ADA983092 AMQ983043:AMW983092 AWM983043:AWS983092 BGI983043:BGO983092 BQE983043:BQK983092 CAA983043:CAG983092 CJW983043:CKC983092 CTS983043:CTY983092 DDO983043:DDU983092 DNK983043:DNQ983092 DXG983043:DXM983092 EHC983043:EHI983092 EQY983043:ERE983092 FAU983043:FBA983092 FKQ983043:FKW983092 FUM983043:FUS983092 GEI983043:GEO983092 GOE983043:GOK983092 GYA983043:GYG983092 HHW983043:HIC983092 HRS983043:HRY983092 IBO983043:IBU983092 ILK983043:ILQ983092 IVG983043:IVM983092 JFC983043:JFI983092 JOY983043:JPE983092 JYU983043:JZA983092 KIQ983043:KIW983092 KSM983043:KSS983092 LCI983043:LCO983092 LME983043:LMK983092 LWA983043:LWG983092 MFW983043:MGC983092 MPS983043:MPY983092 MZO983043:MZU983092 NJK983043:NJQ983092 NTG983043:NTM983092 ODC983043:ODI983092 OMY983043:ONE983092 OWU983043:OXA983092 PGQ983043:PGW983092 PQM983043:PQS983092 QAI983043:QAO983092 QKE983043:QKK983092 QUA983043:QUG983092 RDW983043:REC983092 RNS983043:RNY983092 RXO983043:RXU983092 SHK983043:SHQ983092 SRG983043:SRM983092 TBC983043:TBI983092 TKY983043:TLE983092 TUU983043:TVA983092 UEQ983043:UEW983092 UOM983043:UOS983092 UYI983043:UYO983092 VIE983043:VIK983092 VSA983043:VSG983092 WBW983043:WCC983092 WLS983043:WLY983092 H3:M52" xr:uid="{00000000-0002-0000-0300-000002000000}">
      <formula1>"　,1.修理依頼シート,2.保証書,3.ACアダプタ,4.ACコード,5.マウス,6.キーボードドック"</formula1>
    </dataValidation>
    <dataValidation type="list" allowBlank="1" showInputMessage="1" showErrorMessage="1" sqref="WVN983043:WVN983092 JB3:JB52 SX3:SX52 ACT3:ACT52 AMP3:AMP52 AWL3:AWL52 BGH3:BGH52 BQD3:BQD52 BZZ3:BZZ52 CJV3:CJV52 CTR3:CTR52 DDN3:DDN52 DNJ3:DNJ52 DXF3:DXF52 EHB3:EHB52 EQX3:EQX52 FAT3:FAT52 FKP3:FKP52 FUL3:FUL52 GEH3:GEH52 GOD3:GOD52 GXZ3:GXZ52 HHV3:HHV52 HRR3:HRR52 IBN3:IBN52 ILJ3:ILJ52 IVF3:IVF52 JFB3:JFB52 JOX3:JOX52 JYT3:JYT52 KIP3:KIP52 KSL3:KSL52 LCH3:LCH52 LMD3:LMD52 LVZ3:LVZ52 MFV3:MFV52 MPR3:MPR52 MZN3:MZN52 NJJ3:NJJ52 NTF3:NTF52 ODB3:ODB52 OMX3:OMX52 OWT3:OWT52 PGP3:PGP52 PQL3:PQL52 QAH3:QAH52 QKD3:QKD52 QTZ3:QTZ52 RDV3:RDV52 RNR3:RNR52 RXN3:RXN52 SHJ3:SHJ52 SRF3:SRF52 TBB3:TBB52 TKX3:TKX52 TUT3:TUT52 UEP3:UEP52 UOL3:UOL52 UYH3:UYH52 VID3:VID52 VRZ3:VRZ52 WBV3:WBV52 WLR3:WLR52 WVN3:WVN52 G65539:G65588 JB65539:JB65588 SX65539:SX65588 ACT65539:ACT65588 AMP65539:AMP65588 AWL65539:AWL65588 BGH65539:BGH65588 BQD65539:BQD65588 BZZ65539:BZZ65588 CJV65539:CJV65588 CTR65539:CTR65588 DDN65539:DDN65588 DNJ65539:DNJ65588 DXF65539:DXF65588 EHB65539:EHB65588 EQX65539:EQX65588 FAT65539:FAT65588 FKP65539:FKP65588 FUL65539:FUL65588 GEH65539:GEH65588 GOD65539:GOD65588 GXZ65539:GXZ65588 HHV65539:HHV65588 HRR65539:HRR65588 IBN65539:IBN65588 ILJ65539:ILJ65588 IVF65539:IVF65588 JFB65539:JFB65588 JOX65539:JOX65588 JYT65539:JYT65588 KIP65539:KIP65588 KSL65539:KSL65588 LCH65539:LCH65588 LMD65539:LMD65588 LVZ65539:LVZ65588 MFV65539:MFV65588 MPR65539:MPR65588 MZN65539:MZN65588 NJJ65539:NJJ65588 NTF65539:NTF65588 ODB65539:ODB65588 OMX65539:OMX65588 OWT65539:OWT65588 PGP65539:PGP65588 PQL65539:PQL65588 QAH65539:QAH65588 QKD65539:QKD65588 QTZ65539:QTZ65588 RDV65539:RDV65588 RNR65539:RNR65588 RXN65539:RXN65588 SHJ65539:SHJ65588 SRF65539:SRF65588 TBB65539:TBB65588 TKX65539:TKX65588 TUT65539:TUT65588 UEP65539:UEP65588 UOL65539:UOL65588 UYH65539:UYH65588 VID65539:VID65588 VRZ65539:VRZ65588 WBV65539:WBV65588 WLR65539:WLR65588 WVN65539:WVN65588 G131075:G131124 JB131075:JB131124 SX131075:SX131124 ACT131075:ACT131124 AMP131075:AMP131124 AWL131075:AWL131124 BGH131075:BGH131124 BQD131075:BQD131124 BZZ131075:BZZ131124 CJV131075:CJV131124 CTR131075:CTR131124 DDN131075:DDN131124 DNJ131075:DNJ131124 DXF131075:DXF131124 EHB131075:EHB131124 EQX131075:EQX131124 FAT131075:FAT131124 FKP131075:FKP131124 FUL131075:FUL131124 GEH131075:GEH131124 GOD131075:GOD131124 GXZ131075:GXZ131124 HHV131075:HHV131124 HRR131075:HRR131124 IBN131075:IBN131124 ILJ131075:ILJ131124 IVF131075:IVF131124 JFB131075:JFB131124 JOX131075:JOX131124 JYT131075:JYT131124 KIP131075:KIP131124 KSL131075:KSL131124 LCH131075:LCH131124 LMD131075:LMD131124 LVZ131075:LVZ131124 MFV131075:MFV131124 MPR131075:MPR131124 MZN131075:MZN131124 NJJ131075:NJJ131124 NTF131075:NTF131124 ODB131075:ODB131124 OMX131075:OMX131124 OWT131075:OWT131124 PGP131075:PGP131124 PQL131075:PQL131124 QAH131075:QAH131124 QKD131075:QKD131124 QTZ131075:QTZ131124 RDV131075:RDV131124 RNR131075:RNR131124 RXN131075:RXN131124 SHJ131075:SHJ131124 SRF131075:SRF131124 TBB131075:TBB131124 TKX131075:TKX131124 TUT131075:TUT131124 UEP131075:UEP131124 UOL131075:UOL131124 UYH131075:UYH131124 VID131075:VID131124 VRZ131075:VRZ131124 WBV131075:WBV131124 WLR131075:WLR131124 WVN131075:WVN131124 G196611:G196660 JB196611:JB196660 SX196611:SX196660 ACT196611:ACT196660 AMP196611:AMP196660 AWL196611:AWL196660 BGH196611:BGH196660 BQD196611:BQD196660 BZZ196611:BZZ196660 CJV196611:CJV196660 CTR196611:CTR196660 DDN196611:DDN196660 DNJ196611:DNJ196660 DXF196611:DXF196660 EHB196611:EHB196660 EQX196611:EQX196660 FAT196611:FAT196660 FKP196611:FKP196660 FUL196611:FUL196660 GEH196611:GEH196660 GOD196611:GOD196660 GXZ196611:GXZ196660 HHV196611:HHV196660 HRR196611:HRR196660 IBN196611:IBN196660 ILJ196611:ILJ196660 IVF196611:IVF196660 JFB196611:JFB196660 JOX196611:JOX196660 JYT196611:JYT196660 KIP196611:KIP196660 KSL196611:KSL196660 LCH196611:LCH196660 LMD196611:LMD196660 LVZ196611:LVZ196660 MFV196611:MFV196660 MPR196611:MPR196660 MZN196611:MZN196660 NJJ196611:NJJ196660 NTF196611:NTF196660 ODB196611:ODB196660 OMX196611:OMX196660 OWT196611:OWT196660 PGP196611:PGP196660 PQL196611:PQL196660 QAH196611:QAH196660 QKD196611:QKD196660 QTZ196611:QTZ196660 RDV196611:RDV196660 RNR196611:RNR196660 RXN196611:RXN196660 SHJ196611:SHJ196660 SRF196611:SRF196660 TBB196611:TBB196660 TKX196611:TKX196660 TUT196611:TUT196660 UEP196611:UEP196660 UOL196611:UOL196660 UYH196611:UYH196660 VID196611:VID196660 VRZ196611:VRZ196660 WBV196611:WBV196660 WLR196611:WLR196660 WVN196611:WVN196660 G262147:G262196 JB262147:JB262196 SX262147:SX262196 ACT262147:ACT262196 AMP262147:AMP262196 AWL262147:AWL262196 BGH262147:BGH262196 BQD262147:BQD262196 BZZ262147:BZZ262196 CJV262147:CJV262196 CTR262147:CTR262196 DDN262147:DDN262196 DNJ262147:DNJ262196 DXF262147:DXF262196 EHB262147:EHB262196 EQX262147:EQX262196 FAT262147:FAT262196 FKP262147:FKP262196 FUL262147:FUL262196 GEH262147:GEH262196 GOD262147:GOD262196 GXZ262147:GXZ262196 HHV262147:HHV262196 HRR262147:HRR262196 IBN262147:IBN262196 ILJ262147:ILJ262196 IVF262147:IVF262196 JFB262147:JFB262196 JOX262147:JOX262196 JYT262147:JYT262196 KIP262147:KIP262196 KSL262147:KSL262196 LCH262147:LCH262196 LMD262147:LMD262196 LVZ262147:LVZ262196 MFV262147:MFV262196 MPR262147:MPR262196 MZN262147:MZN262196 NJJ262147:NJJ262196 NTF262147:NTF262196 ODB262147:ODB262196 OMX262147:OMX262196 OWT262147:OWT262196 PGP262147:PGP262196 PQL262147:PQL262196 QAH262147:QAH262196 QKD262147:QKD262196 QTZ262147:QTZ262196 RDV262147:RDV262196 RNR262147:RNR262196 RXN262147:RXN262196 SHJ262147:SHJ262196 SRF262147:SRF262196 TBB262147:TBB262196 TKX262147:TKX262196 TUT262147:TUT262196 UEP262147:UEP262196 UOL262147:UOL262196 UYH262147:UYH262196 VID262147:VID262196 VRZ262147:VRZ262196 WBV262147:WBV262196 WLR262147:WLR262196 WVN262147:WVN262196 G327683:G327732 JB327683:JB327732 SX327683:SX327732 ACT327683:ACT327732 AMP327683:AMP327732 AWL327683:AWL327732 BGH327683:BGH327732 BQD327683:BQD327732 BZZ327683:BZZ327732 CJV327683:CJV327732 CTR327683:CTR327732 DDN327683:DDN327732 DNJ327683:DNJ327732 DXF327683:DXF327732 EHB327683:EHB327732 EQX327683:EQX327732 FAT327683:FAT327732 FKP327683:FKP327732 FUL327683:FUL327732 GEH327683:GEH327732 GOD327683:GOD327732 GXZ327683:GXZ327732 HHV327683:HHV327732 HRR327683:HRR327732 IBN327683:IBN327732 ILJ327683:ILJ327732 IVF327683:IVF327732 JFB327683:JFB327732 JOX327683:JOX327732 JYT327683:JYT327732 KIP327683:KIP327732 KSL327683:KSL327732 LCH327683:LCH327732 LMD327683:LMD327732 LVZ327683:LVZ327732 MFV327683:MFV327732 MPR327683:MPR327732 MZN327683:MZN327732 NJJ327683:NJJ327732 NTF327683:NTF327732 ODB327683:ODB327732 OMX327683:OMX327732 OWT327683:OWT327732 PGP327683:PGP327732 PQL327683:PQL327732 QAH327683:QAH327732 QKD327683:QKD327732 QTZ327683:QTZ327732 RDV327683:RDV327732 RNR327683:RNR327732 RXN327683:RXN327732 SHJ327683:SHJ327732 SRF327683:SRF327732 TBB327683:TBB327732 TKX327683:TKX327732 TUT327683:TUT327732 UEP327683:UEP327732 UOL327683:UOL327732 UYH327683:UYH327732 VID327683:VID327732 VRZ327683:VRZ327732 WBV327683:WBV327732 WLR327683:WLR327732 WVN327683:WVN327732 G393219:G393268 JB393219:JB393268 SX393219:SX393268 ACT393219:ACT393268 AMP393219:AMP393268 AWL393219:AWL393268 BGH393219:BGH393268 BQD393219:BQD393268 BZZ393219:BZZ393268 CJV393219:CJV393268 CTR393219:CTR393268 DDN393219:DDN393268 DNJ393219:DNJ393268 DXF393219:DXF393268 EHB393219:EHB393268 EQX393219:EQX393268 FAT393219:FAT393268 FKP393219:FKP393268 FUL393219:FUL393268 GEH393219:GEH393268 GOD393219:GOD393268 GXZ393219:GXZ393268 HHV393219:HHV393268 HRR393219:HRR393268 IBN393219:IBN393268 ILJ393219:ILJ393268 IVF393219:IVF393268 JFB393219:JFB393268 JOX393219:JOX393268 JYT393219:JYT393268 KIP393219:KIP393268 KSL393219:KSL393268 LCH393219:LCH393268 LMD393219:LMD393268 LVZ393219:LVZ393268 MFV393219:MFV393268 MPR393219:MPR393268 MZN393219:MZN393268 NJJ393219:NJJ393268 NTF393219:NTF393268 ODB393219:ODB393268 OMX393219:OMX393268 OWT393219:OWT393268 PGP393219:PGP393268 PQL393219:PQL393268 QAH393219:QAH393268 QKD393219:QKD393268 QTZ393219:QTZ393268 RDV393219:RDV393268 RNR393219:RNR393268 RXN393219:RXN393268 SHJ393219:SHJ393268 SRF393219:SRF393268 TBB393219:TBB393268 TKX393219:TKX393268 TUT393219:TUT393268 UEP393219:UEP393268 UOL393219:UOL393268 UYH393219:UYH393268 VID393219:VID393268 VRZ393219:VRZ393268 WBV393219:WBV393268 WLR393219:WLR393268 WVN393219:WVN393268 G458755:G458804 JB458755:JB458804 SX458755:SX458804 ACT458755:ACT458804 AMP458755:AMP458804 AWL458755:AWL458804 BGH458755:BGH458804 BQD458755:BQD458804 BZZ458755:BZZ458804 CJV458755:CJV458804 CTR458755:CTR458804 DDN458755:DDN458804 DNJ458755:DNJ458804 DXF458755:DXF458804 EHB458755:EHB458804 EQX458755:EQX458804 FAT458755:FAT458804 FKP458755:FKP458804 FUL458755:FUL458804 GEH458755:GEH458804 GOD458755:GOD458804 GXZ458755:GXZ458804 HHV458755:HHV458804 HRR458755:HRR458804 IBN458755:IBN458804 ILJ458755:ILJ458804 IVF458755:IVF458804 JFB458755:JFB458804 JOX458755:JOX458804 JYT458755:JYT458804 KIP458755:KIP458804 KSL458755:KSL458804 LCH458755:LCH458804 LMD458755:LMD458804 LVZ458755:LVZ458804 MFV458755:MFV458804 MPR458755:MPR458804 MZN458755:MZN458804 NJJ458755:NJJ458804 NTF458755:NTF458804 ODB458755:ODB458804 OMX458755:OMX458804 OWT458755:OWT458804 PGP458755:PGP458804 PQL458755:PQL458804 QAH458755:QAH458804 QKD458755:QKD458804 QTZ458755:QTZ458804 RDV458755:RDV458804 RNR458755:RNR458804 RXN458755:RXN458804 SHJ458755:SHJ458804 SRF458755:SRF458804 TBB458755:TBB458804 TKX458755:TKX458804 TUT458755:TUT458804 UEP458755:UEP458804 UOL458755:UOL458804 UYH458755:UYH458804 VID458755:VID458804 VRZ458755:VRZ458804 WBV458755:WBV458804 WLR458755:WLR458804 WVN458755:WVN458804 G524291:G524340 JB524291:JB524340 SX524291:SX524340 ACT524291:ACT524340 AMP524291:AMP524340 AWL524291:AWL524340 BGH524291:BGH524340 BQD524291:BQD524340 BZZ524291:BZZ524340 CJV524291:CJV524340 CTR524291:CTR524340 DDN524291:DDN524340 DNJ524291:DNJ524340 DXF524291:DXF524340 EHB524291:EHB524340 EQX524291:EQX524340 FAT524291:FAT524340 FKP524291:FKP524340 FUL524291:FUL524340 GEH524291:GEH524340 GOD524291:GOD524340 GXZ524291:GXZ524340 HHV524291:HHV524340 HRR524291:HRR524340 IBN524291:IBN524340 ILJ524291:ILJ524340 IVF524291:IVF524340 JFB524291:JFB524340 JOX524291:JOX524340 JYT524291:JYT524340 KIP524291:KIP524340 KSL524291:KSL524340 LCH524291:LCH524340 LMD524291:LMD524340 LVZ524291:LVZ524340 MFV524291:MFV524340 MPR524291:MPR524340 MZN524291:MZN524340 NJJ524291:NJJ524340 NTF524291:NTF524340 ODB524291:ODB524340 OMX524291:OMX524340 OWT524291:OWT524340 PGP524291:PGP524340 PQL524291:PQL524340 QAH524291:QAH524340 QKD524291:QKD524340 QTZ524291:QTZ524340 RDV524291:RDV524340 RNR524291:RNR524340 RXN524291:RXN524340 SHJ524291:SHJ524340 SRF524291:SRF524340 TBB524291:TBB524340 TKX524291:TKX524340 TUT524291:TUT524340 UEP524291:UEP524340 UOL524291:UOL524340 UYH524291:UYH524340 VID524291:VID524340 VRZ524291:VRZ524340 WBV524291:WBV524340 WLR524291:WLR524340 WVN524291:WVN524340 G589827:G589876 JB589827:JB589876 SX589827:SX589876 ACT589827:ACT589876 AMP589827:AMP589876 AWL589827:AWL589876 BGH589827:BGH589876 BQD589827:BQD589876 BZZ589827:BZZ589876 CJV589827:CJV589876 CTR589827:CTR589876 DDN589827:DDN589876 DNJ589827:DNJ589876 DXF589827:DXF589876 EHB589827:EHB589876 EQX589827:EQX589876 FAT589827:FAT589876 FKP589827:FKP589876 FUL589827:FUL589876 GEH589827:GEH589876 GOD589827:GOD589876 GXZ589827:GXZ589876 HHV589827:HHV589876 HRR589827:HRR589876 IBN589827:IBN589876 ILJ589827:ILJ589876 IVF589827:IVF589876 JFB589827:JFB589876 JOX589827:JOX589876 JYT589827:JYT589876 KIP589827:KIP589876 KSL589827:KSL589876 LCH589827:LCH589876 LMD589827:LMD589876 LVZ589827:LVZ589876 MFV589827:MFV589876 MPR589827:MPR589876 MZN589827:MZN589876 NJJ589827:NJJ589876 NTF589827:NTF589876 ODB589827:ODB589876 OMX589827:OMX589876 OWT589827:OWT589876 PGP589827:PGP589876 PQL589827:PQL589876 QAH589827:QAH589876 QKD589827:QKD589876 QTZ589827:QTZ589876 RDV589827:RDV589876 RNR589827:RNR589876 RXN589827:RXN589876 SHJ589827:SHJ589876 SRF589827:SRF589876 TBB589827:TBB589876 TKX589827:TKX589876 TUT589827:TUT589876 UEP589827:UEP589876 UOL589827:UOL589876 UYH589827:UYH589876 VID589827:VID589876 VRZ589827:VRZ589876 WBV589827:WBV589876 WLR589827:WLR589876 WVN589827:WVN589876 G655363:G655412 JB655363:JB655412 SX655363:SX655412 ACT655363:ACT655412 AMP655363:AMP655412 AWL655363:AWL655412 BGH655363:BGH655412 BQD655363:BQD655412 BZZ655363:BZZ655412 CJV655363:CJV655412 CTR655363:CTR655412 DDN655363:DDN655412 DNJ655363:DNJ655412 DXF655363:DXF655412 EHB655363:EHB655412 EQX655363:EQX655412 FAT655363:FAT655412 FKP655363:FKP655412 FUL655363:FUL655412 GEH655363:GEH655412 GOD655363:GOD655412 GXZ655363:GXZ655412 HHV655363:HHV655412 HRR655363:HRR655412 IBN655363:IBN655412 ILJ655363:ILJ655412 IVF655363:IVF655412 JFB655363:JFB655412 JOX655363:JOX655412 JYT655363:JYT655412 KIP655363:KIP655412 KSL655363:KSL655412 LCH655363:LCH655412 LMD655363:LMD655412 LVZ655363:LVZ655412 MFV655363:MFV655412 MPR655363:MPR655412 MZN655363:MZN655412 NJJ655363:NJJ655412 NTF655363:NTF655412 ODB655363:ODB655412 OMX655363:OMX655412 OWT655363:OWT655412 PGP655363:PGP655412 PQL655363:PQL655412 QAH655363:QAH655412 QKD655363:QKD655412 QTZ655363:QTZ655412 RDV655363:RDV655412 RNR655363:RNR655412 RXN655363:RXN655412 SHJ655363:SHJ655412 SRF655363:SRF655412 TBB655363:TBB655412 TKX655363:TKX655412 TUT655363:TUT655412 UEP655363:UEP655412 UOL655363:UOL655412 UYH655363:UYH655412 VID655363:VID655412 VRZ655363:VRZ655412 WBV655363:WBV655412 WLR655363:WLR655412 WVN655363:WVN655412 G720899:G720948 JB720899:JB720948 SX720899:SX720948 ACT720899:ACT720948 AMP720899:AMP720948 AWL720899:AWL720948 BGH720899:BGH720948 BQD720899:BQD720948 BZZ720899:BZZ720948 CJV720899:CJV720948 CTR720899:CTR720948 DDN720899:DDN720948 DNJ720899:DNJ720948 DXF720899:DXF720948 EHB720899:EHB720948 EQX720899:EQX720948 FAT720899:FAT720948 FKP720899:FKP720948 FUL720899:FUL720948 GEH720899:GEH720948 GOD720899:GOD720948 GXZ720899:GXZ720948 HHV720899:HHV720948 HRR720899:HRR720948 IBN720899:IBN720948 ILJ720899:ILJ720948 IVF720899:IVF720948 JFB720899:JFB720948 JOX720899:JOX720948 JYT720899:JYT720948 KIP720899:KIP720948 KSL720899:KSL720948 LCH720899:LCH720948 LMD720899:LMD720948 LVZ720899:LVZ720948 MFV720899:MFV720948 MPR720899:MPR720948 MZN720899:MZN720948 NJJ720899:NJJ720948 NTF720899:NTF720948 ODB720899:ODB720948 OMX720899:OMX720948 OWT720899:OWT720948 PGP720899:PGP720948 PQL720899:PQL720948 QAH720899:QAH720948 QKD720899:QKD720948 QTZ720899:QTZ720948 RDV720899:RDV720948 RNR720899:RNR720948 RXN720899:RXN720948 SHJ720899:SHJ720948 SRF720899:SRF720948 TBB720899:TBB720948 TKX720899:TKX720948 TUT720899:TUT720948 UEP720899:UEP720948 UOL720899:UOL720948 UYH720899:UYH720948 VID720899:VID720948 VRZ720899:VRZ720948 WBV720899:WBV720948 WLR720899:WLR720948 WVN720899:WVN720948 G786435:G786484 JB786435:JB786484 SX786435:SX786484 ACT786435:ACT786484 AMP786435:AMP786484 AWL786435:AWL786484 BGH786435:BGH786484 BQD786435:BQD786484 BZZ786435:BZZ786484 CJV786435:CJV786484 CTR786435:CTR786484 DDN786435:DDN786484 DNJ786435:DNJ786484 DXF786435:DXF786484 EHB786435:EHB786484 EQX786435:EQX786484 FAT786435:FAT786484 FKP786435:FKP786484 FUL786435:FUL786484 GEH786435:GEH786484 GOD786435:GOD786484 GXZ786435:GXZ786484 HHV786435:HHV786484 HRR786435:HRR786484 IBN786435:IBN786484 ILJ786435:ILJ786484 IVF786435:IVF786484 JFB786435:JFB786484 JOX786435:JOX786484 JYT786435:JYT786484 KIP786435:KIP786484 KSL786435:KSL786484 LCH786435:LCH786484 LMD786435:LMD786484 LVZ786435:LVZ786484 MFV786435:MFV786484 MPR786435:MPR786484 MZN786435:MZN786484 NJJ786435:NJJ786484 NTF786435:NTF786484 ODB786435:ODB786484 OMX786435:OMX786484 OWT786435:OWT786484 PGP786435:PGP786484 PQL786435:PQL786484 QAH786435:QAH786484 QKD786435:QKD786484 QTZ786435:QTZ786484 RDV786435:RDV786484 RNR786435:RNR786484 RXN786435:RXN786484 SHJ786435:SHJ786484 SRF786435:SRF786484 TBB786435:TBB786484 TKX786435:TKX786484 TUT786435:TUT786484 UEP786435:UEP786484 UOL786435:UOL786484 UYH786435:UYH786484 VID786435:VID786484 VRZ786435:VRZ786484 WBV786435:WBV786484 WLR786435:WLR786484 WVN786435:WVN786484 G851971:G852020 JB851971:JB852020 SX851971:SX852020 ACT851971:ACT852020 AMP851971:AMP852020 AWL851971:AWL852020 BGH851971:BGH852020 BQD851971:BQD852020 BZZ851971:BZZ852020 CJV851971:CJV852020 CTR851971:CTR852020 DDN851971:DDN852020 DNJ851971:DNJ852020 DXF851971:DXF852020 EHB851971:EHB852020 EQX851971:EQX852020 FAT851971:FAT852020 FKP851971:FKP852020 FUL851971:FUL852020 GEH851971:GEH852020 GOD851971:GOD852020 GXZ851971:GXZ852020 HHV851971:HHV852020 HRR851971:HRR852020 IBN851971:IBN852020 ILJ851971:ILJ852020 IVF851971:IVF852020 JFB851971:JFB852020 JOX851971:JOX852020 JYT851971:JYT852020 KIP851971:KIP852020 KSL851971:KSL852020 LCH851971:LCH852020 LMD851971:LMD852020 LVZ851971:LVZ852020 MFV851971:MFV852020 MPR851971:MPR852020 MZN851971:MZN852020 NJJ851971:NJJ852020 NTF851971:NTF852020 ODB851971:ODB852020 OMX851971:OMX852020 OWT851971:OWT852020 PGP851971:PGP852020 PQL851971:PQL852020 QAH851971:QAH852020 QKD851971:QKD852020 QTZ851971:QTZ852020 RDV851971:RDV852020 RNR851971:RNR852020 RXN851971:RXN852020 SHJ851971:SHJ852020 SRF851971:SRF852020 TBB851971:TBB852020 TKX851971:TKX852020 TUT851971:TUT852020 UEP851971:UEP852020 UOL851971:UOL852020 UYH851971:UYH852020 VID851971:VID852020 VRZ851971:VRZ852020 WBV851971:WBV852020 WLR851971:WLR852020 WVN851971:WVN852020 G917507:G917556 JB917507:JB917556 SX917507:SX917556 ACT917507:ACT917556 AMP917507:AMP917556 AWL917507:AWL917556 BGH917507:BGH917556 BQD917507:BQD917556 BZZ917507:BZZ917556 CJV917507:CJV917556 CTR917507:CTR917556 DDN917507:DDN917556 DNJ917507:DNJ917556 DXF917507:DXF917556 EHB917507:EHB917556 EQX917507:EQX917556 FAT917507:FAT917556 FKP917507:FKP917556 FUL917507:FUL917556 GEH917507:GEH917556 GOD917507:GOD917556 GXZ917507:GXZ917556 HHV917507:HHV917556 HRR917507:HRR917556 IBN917507:IBN917556 ILJ917507:ILJ917556 IVF917507:IVF917556 JFB917507:JFB917556 JOX917507:JOX917556 JYT917507:JYT917556 KIP917507:KIP917556 KSL917507:KSL917556 LCH917507:LCH917556 LMD917507:LMD917556 LVZ917507:LVZ917556 MFV917507:MFV917556 MPR917507:MPR917556 MZN917507:MZN917556 NJJ917507:NJJ917556 NTF917507:NTF917556 ODB917507:ODB917556 OMX917507:OMX917556 OWT917507:OWT917556 PGP917507:PGP917556 PQL917507:PQL917556 QAH917507:QAH917556 QKD917507:QKD917556 QTZ917507:QTZ917556 RDV917507:RDV917556 RNR917507:RNR917556 RXN917507:RXN917556 SHJ917507:SHJ917556 SRF917507:SRF917556 TBB917507:TBB917556 TKX917507:TKX917556 TUT917507:TUT917556 UEP917507:UEP917556 UOL917507:UOL917556 UYH917507:UYH917556 VID917507:VID917556 VRZ917507:VRZ917556 WBV917507:WBV917556 WLR917507:WLR917556 WVN917507:WVN917556 G983043:G983092 JB983043:JB983092 SX983043:SX983092 ACT983043:ACT983092 AMP983043:AMP983092 AWL983043:AWL983092 BGH983043:BGH983092 BQD983043:BQD983092 BZZ983043:BZZ983092 CJV983043:CJV983092 CTR983043:CTR983092 DDN983043:DDN983092 DNJ983043:DNJ983092 DXF983043:DXF983092 EHB983043:EHB983092 EQX983043:EQX983092 FAT983043:FAT983092 FKP983043:FKP983092 FUL983043:FUL983092 GEH983043:GEH983092 GOD983043:GOD983092 GXZ983043:GXZ983092 HHV983043:HHV983092 HRR983043:HRR983092 IBN983043:IBN983092 ILJ983043:ILJ983092 IVF983043:IVF983092 JFB983043:JFB983092 JOX983043:JOX983092 JYT983043:JYT983092 KIP983043:KIP983092 KSL983043:KSL983092 LCH983043:LCH983092 LMD983043:LMD983092 LVZ983043:LVZ983092 MFV983043:MFV983092 MPR983043:MPR983092 MZN983043:MZN983092 NJJ983043:NJJ983092 NTF983043:NTF983092 ODB983043:ODB983092 OMX983043:OMX983092 OWT983043:OWT983092 PGP983043:PGP983092 PQL983043:PQL983092 QAH983043:QAH983092 QKD983043:QKD983092 QTZ983043:QTZ983092 RDV983043:RDV983092 RNR983043:RNR983092 RXN983043:RXN983092 SHJ983043:SHJ983092 SRF983043:SRF983092 TBB983043:TBB983092 TKX983043:TKX983092 TUT983043:TUT983092 UEP983043:UEP983092 UOL983043:UOL983092 UYH983043:UYH983092 VID983043:VID983092 VRZ983043:VRZ983092 WBV983043:WBV983092 WLR983043:WLR983092 G3:G52" xr:uid="{00000000-0002-0000-0300-000003000000}">
      <formula1>"　,1.了承する,2.了承しない"</formula1>
    </dataValidation>
  </dataValidation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4</vt:i4>
      </vt:variant>
    </vt:vector>
  </HeadingPairs>
  <TitlesOfParts>
    <vt:vector size="4" baseType="lpstr">
      <vt:lpstr>ピックアップ依頼シート</vt:lpstr>
      <vt:lpstr>複数台同時集荷シート</vt:lpstr>
      <vt:lpstr>ピックアップ依頼シート（記入例）</vt:lpstr>
      <vt:lpstr>複数台同時集荷シート（記入例）</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太田一郎/主任</dc:creator>
  <cp:lastModifiedBy>村松孝紀/センター長</cp:lastModifiedBy>
  <cp:lastPrinted>2020-12-03T04:27:54Z</cp:lastPrinted>
  <dcterms:created xsi:type="dcterms:W3CDTF">2020-11-30T07:52:26Z</dcterms:created>
  <dcterms:modified xsi:type="dcterms:W3CDTF">2026-06-04T06:13:59Z</dcterms:modified>
</cp:coreProperties>
</file>